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02_R8.01.30 共通【志願者数】\05_総務室へ\0130確定稿\"/>
    </mc:Choice>
  </mc:AlternateContent>
  <xr:revisionPtr revIDLastSave="0" documentId="13_ncr:1_{8FC14678-5D40-45F4-B2A3-3AF5973346ED}" xr6:coauthVersionLast="47" xr6:coauthVersionMax="47" xr10:uidLastSave="{00000000-0000-0000-0000-000000000000}"/>
  <bookViews>
    <workbookView xWindow="-120" yWindow="-120" windowWidth="29040" windowHeight="15720" xr2:uid="{663753DE-00E7-4B22-8580-12A67F30B13A}"/>
  </bookViews>
  <sheets>
    <sheet name="普通科・クリエイティブ" sheetId="1" r:id="rId1"/>
    <sheet name="専門学科" sheetId="5" r:id="rId2"/>
    <sheet name="単位制" sheetId="4" r:id="rId3"/>
    <sheet name="定時制・通信制" sheetId="3" r:id="rId4"/>
    <sheet name="特別募集等" sheetId="2" r:id="rId5"/>
  </sheets>
  <externalReferences>
    <externalReference r:id="rId6"/>
  </externalReferences>
  <definedNames>
    <definedName name="_xlnm._FilterDatabase" localSheetId="1" hidden="1">[1]単位制!$C$3:$J$72</definedName>
    <definedName name="_xlnm._FilterDatabase" localSheetId="0" hidden="1">普通科・クリエイティブ!$B$4:$J$144</definedName>
    <definedName name="_xlnm.Print_Area" localSheetId="1">専門学科!$A$1:$J$203</definedName>
    <definedName name="_xlnm.Print_Area" localSheetId="2">単位制!$A$1:$J$193</definedName>
    <definedName name="_xlnm.Print_Area" localSheetId="3">定時制・通信制!$A$1:$K$120</definedName>
    <definedName name="_xlnm.Print_Area" localSheetId="4">特別募集等!$A$1:$H$127</definedName>
    <definedName name="_xlnm.Print_Area" localSheetId="0">普通科・クリエイティブ!$A$1:$J$162</definedName>
    <definedName name="_xlnm.Print_Titles" localSheetId="0">普通科・クリエイティブ!$5:$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75" uniqueCount="398">
  <si>
    <t>令和８年度神奈川県公立高等学校入学者選抜一般募集共通選抜等志願締切時志願状況（各学校別の志願の状況等）</t>
    <rPh sb="0" eb="2">
      <t>レイワ</t>
    </rPh>
    <rPh sb="3" eb="5">
      <t>ネンド</t>
    </rPh>
    <rPh sb="5" eb="9">
      <t>カナガワケン</t>
    </rPh>
    <rPh sb="9" eb="11">
      <t>コウリツ</t>
    </rPh>
    <rPh sb="11" eb="13">
      <t>コウトウ</t>
    </rPh>
    <rPh sb="13" eb="15">
      <t>ガッコウ</t>
    </rPh>
    <rPh sb="15" eb="18">
      <t>ニュウガクシャ</t>
    </rPh>
    <rPh sb="18" eb="20">
      <t>センバツ</t>
    </rPh>
    <rPh sb="28" eb="29">
      <t>トウ</t>
    </rPh>
    <rPh sb="33" eb="34">
      <t>ジ</t>
    </rPh>
    <rPh sb="34" eb="36">
      <t>シガン</t>
    </rPh>
    <phoneticPr fontId="3"/>
  </si>
  <si>
    <t>１　一般募集共通選抜志願締切時志願状況　（全日制の課程）</t>
    <rPh sb="2" eb="4">
      <t>イッパン</t>
    </rPh>
    <rPh sb="4" eb="6">
      <t>ボシュウ</t>
    </rPh>
    <rPh sb="6" eb="8">
      <t>キョウツウ</t>
    </rPh>
    <rPh sb="8" eb="10">
      <t>センバツ</t>
    </rPh>
    <rPh sb="10" eb="12">
      <t>シガン</t>
    </rPh>
    <rPh sb="12" eb="14">
      <t>シメキリ</t>
    </rPh>
    <rPh sb="14" eb="15">
      <t>ジ</t>
    </rPh>
    <rPh sb="15" eb="17">
      <t>シガン</t>
    </rPh>
    <rPh sb="17" eb="19">
      <t>ジョウキョウ</t>
    </rPh>
    <rPh sb="21" eb="24">
      <t>ゼンニチセイ</t>
    </rPh>
    <rPh sb="25" eb="27">
      <t>カテイ</t>
    </rPh>
    <phoneticPr fontId="3"/>
  </si>
  <si>
    <t>普通科　（クリエイティブスクールを除く。）</t>
    <rPh sb="17" eb="18">
      <t>ノゾ</t>
    </rPh>
    <phoneticPr fontId="3"/>
  </si>
  <si>
    <t>地</t>
    <rPh sb="0" eb="1">
      <t>チ</t>
    </rPh>
    <phoneticPr fontId="3"/>
  </si>
  <si>
    <t>前年度
競争率</t>
    <rPh sb="4" eb="7">
      <t>キョウソウリツ</t>
    </rPh>
    <phoneticPr fontId="3"/>
  </si>
  <si>
    <t xml:space="preserve"> 学 校 名</t>
    <rPh sb="1" eb="2">
      <t>ガク</t>
    </rPh>
    <rPh sb="3" eb="4">
      <t>コウ</t>
    </rPh>
    <rPh sb="5" eb="6">
      <t>メイ</t>
    </rPh>
    <phoneticPr fontId="3"/>
  </si>
  <si>
    <t>募集定員</t>
    <rPh sb="0" eb="1">
      <t>ツノル</t>
    </rPh>
    <rPh sb="1" eb="2">
      <t>シュウ</t>
    </rPh>
    <rPh sb="2" eb="4">
      <t>テイイン</t>
    </rPh>
    <phoneticPr fontId="3"/>
  </si>
  <si>
    <t>志願者数</t>
    <phoneticPr fontId="3"/>
  </si>
  <si>
    <t>競争率</t>
    <phoneticPr fontId="3"/>
  </si>
  <si>
    <t>区</t>
    <rPh sb="0" eb="1">
      <t>ク</t>
    </rPh>
    <phoneticPr fontId="3"/>
  </si>
  <si>
    <t>(Ａ)</t>
    <phoneticPr fontId="3"/>
  </si>
  <si>
    <t>(B)</t>
    <phoneticPr fontId="3"/>
  </si>
  <si>
    <t>(B/A)</t>
    <phoneticPr fontId="3"/>
  </si>
  <si>
    <t>横浜北</t>
    <rPh sb="0" eb="2">
      <t>ヨコハマ</t>
    </rPh>
    <rPh sb="2" eb="3">
      <t>キタ</t>
    </rPh>
    <phoneticPr fontId="3"/>
  </si>
  <si>
    <t>県立鶴見</t>
    <rPh sb="0" eb="2">
      <t>ケンリツ</t>
    </rPh>
    <rPh sb="2" eb="4">
      <t>ツルミ</t>
    </rPh>
    <phoneticPr fontId="3"/>
  </si>
  <si>
    <t>県立横浜翠嵐</t>
    <rPh sb="0" eb="2">
      <t>ケンリツ</t>
    </rPh>
    <rPh sb="2" eb="4">
      <t>ヨコハマ</t>
    </rPh>
    <rPh sb="4" eb="5">
      <t>スイ</t>
    </rPh>
    <rPh sb="5" eb="6">
      <t>ラン</t>
    </rPh>
    <phoneticPr fontId="3"/>
  </si>
  <si>
    <t>県立城郷</t>
    <rPh sb="0" eb="2">
      <t>ケンリツ</t>
    </rPh>
    <rPh sb="2" eb="3">
      <t>シロ</t>
    </rPh>
    <rPh sb="3" eb="4">
      <t>サト</t>
    </rPh>
    <phoneticPr fontId="3"/>
  </si>
  <si>
    <t>県立港北</t>
    <rPh sb="0" eb="2">
      <t>ケンリツ</t>
    </rPh>
    <rPh sb="2" eb="4">
      <t>コウホク</t>
    </rPh>
    <phoneticPr fontId="3"/>
  </si>
  <si>
    <t>県立新羽</t>
    <rPh sb="0" eb="2">
      <t>ケンリツ</t>
    </rPh>
    <rPh sb="2" eb="4">
      <t>ニッパ</t>
    </rPh>
    <phoneticPr fontId="3"/>
  </si>
  <si>
    <t>県立岸根</t>
    <rPh sb="0" eb="2">
      <t>ケンリツ</t>
    </rPh>
    <rPh sb="2" eb="4">
      <t>キシネ</t>
    </rPh>
    <phoneticPr fontId="3"/>
  </si>
  <si>
    <t>県立霧が丘</t>
    <rPh sb="0" eb="2">
      <t>ケンリツ</t>
    </rPh>
    <rPh sb="2" eb="3">
      <t>キリ</t>
    </rPh>
    <rPh sb="4" eb="5">
      <t>オカ</t>
    </rPh>
    <phoneticPr fontId="3"/>
  </si>
  <si>
    <t>県立白山</t>
    <rPh sb="0" eb="2">
      <t>ケンリツ</t>
    </rPh>
    <rPh sb="2" eb="4">
      <t>ハクサン</t>
    </rPh>
    <phoneticPr fontId="3"/>
  </si>
  <si>
    <t>県立市ケ尾</t>
    <rPh sb="0" eb="2">
      <t>ケンリツ</t>
    </rPh>
    <rPh sb="2" eb="3">
      <t>イチ</t>
    </rPh>
    <rPh sb="4" eb="5">
      <t>オ</t>
    </rPh>
    <phoneticPr fontId="3"/>
  </si>
  <si>
    <t>県立元石川</t>
    <rPh sb="0" eb="2">
      <t>ケンリツ</t>
    </rPh>
    <rPh sb="2" eb="3">
      <t>モト</t>
    </rPh>
    <rPh sb="3" eb="5">
      <t>イシカワ</t>
    </rPh>
    <phoneticPr fontId="3"/>
  </si>
  <si>
    <t>県立川和</t>
    <rPh sb="0" eb="2">
      <t>ケンリツ</t>
    </rPh>
    <rPh sb="2" eb="4">
      <t>カワワ</t>
    </rPh>
    <phoneticPr fontId="3"/>
  </si>
  <si>
    <t>県立荏田</t>
    <rPh sb="0" eb="2">
      <t>ケンリツ</t>
    </rPh>
    <rPh sb="2" eb="4">
      <t>エダ</t>
    </rPh>
    <phoneticPr fontId="3"/>
  </si>
  <si>
    <t>県立新栄</t>
    <rPh sb="0" eb="2">
      <t>ケンリツ</t>
    </rPh>
    <rPh sb="2" eb="4">
      <t>シンエイ</t>
    </rPh>
    <phoneticPr fontId="3"/>
  </si>
  <si>
    <t>横浜中</t>
    <rPh sb="0" eb="2">
      <t>ヨコハマ</t>
    </rPh>
    <rPh sb="2" eb="3">
      <t>ナカ</t>
    </rPh>
    <phoneticPr fontId="3"/>
  </si>
  <si>
    <t>県立希望ケ丘</t>
    <rPh sb="0" eb="2">
      <t>ケンリツ</t>
    </rPh>
    <rPh sb="2" eb="4">
      <t>キボウ</t>
    </rPh>
    <rPh sb="5" eb="6">
      <t>オカ</t>
    </rPh>
    <phoneticPr fontId="3"/>
  </si>
  <si>
    <t>県立二俣川</t>
    <rPh sb="0" eb="2">
      <t>ケンリツ</t>
    </rPh>
    <rPh sb="2" eb="5">
      <t>フタマタガワ</t>
    </rPh>
    <phoneticPr fontId="3"/>
  </si>
  <si>
    <t>県立旭</t>
    <rPh sb="0" eb="2">
      <t>ケンリツ</t>
    </rPh>
    <rPh sb="2" eb="3">
      <t>アサヒ</t>
    </rPh>
    <phoneticPr fontId="3"/>
  </si>
  <si>
    <t>県立松陽</t>
    <rPh sb="0" eb="2">
      <t>ケンリツ</t>
    </rPh>
    <rPh sb="2" eb="4">
      <t>ショウヨウ</t>
    </rPh>
    <phoneticPr fontId="3"/>
  </si>
  <si>
    <t>県立横浜瀬谷</t>
    <rPh sb="0" eb="2">
      <t>ケンリツ</t>
    </rPh>
    <rPh sb="2" eb="4">
      <t>ヨコハマ</t>
    </rPh>
    <rPh sb="4" eb="6">
      <t>セヤ</t>
    </rPh>
    <phoneticPr fontId="3"/>
  </si>
  <si>
    <t>県立横浜平沼</t>
    <rPh sb="0" eb="2">
      <t>ケンリツ</t>
    </rPh>
    <rPh sb="2" eb="4">
      <t>ヨコハマ</t>
    </rPh>
    <rPh sb="4" eb="6">
      <t>ヒラヌマ</t>
    </rPh>
    <phoneticPr fontId="3"/>
  </si>
  <si>
    <t>県立光陵</t>
    <rPh sb="0" eb="2">
      <t>ケンリツ</t>
    </rPh>
    <rPh sb="2" eb="3">
      <t>コウ</t>
    </rPh>
    <rPh sb="3" eb="4">
      <t>リョウ</t>
    </rPh>
    <phoneticPr fontId="3"/>
  </si>
  <si>
    <t>県立保土ケ谷</t>
    <rPh sb="0" eb="2">
      <t>ケンリツ</t>
    </rPh>
    <rPh sb="2" eb="6">
      <t>ホドガヤ</t>
    </rPh>
    <phoneticPr fontId="3"/>
  </si>
  <si>
    <t>県立舞岡</t>
    <rPh sb="0" eb="2">
      <t>ケンリツ</t>
    </rPh>
    <rPh sb="2" eb="4">
      <t>マイオカ</t>
    </rPh>
    <phoneticPr fontId="3"/>
  </si>
  <si>
    <t>県立上矢部</t>
    <rPh sb="0" eb="2">
      <t>ケンリツ</t>
    </rPh>
    <rPh sb="2" eb="5">
      <t>カミヤベ</t>
    </rPh>
    <phoneticPr fontId="3"/>
  </si>
  <si>
    <t>県立金井</t>
    <rPh sb="0" eb="2">
      <t>ケンリツ</t>
    </rPh>
    <rPh sb="2" eb="4">
      <t>カナイ</t>
    </rPh>
    <phoneticPr fontId="3"/>
  </si>
  <si>
    <t>横浜南</t>
    <rPh sb="0" eb="2">
      <t>ヨコハマ</t>
    </rPh>
    <rPh sb="2" eb="3">
      <t>ミナミ</t>
    </rPh>
    <phoneticPr fontId="3"/>
  </si>
  <si>
    <t>県立横浜南陵</t>
    <rPh sb="0" eb="2">
      <t>ケンリツ</t>
    </rPh>
    <rPh sb="2" eb="4">
      <t>ヨコハマ</t>
    </rPh>
    <rPh sb="4" eb="6">
      <t>ナンリョウ</t>
    </rPh>
    <phoneticPr fontId="3"/>
  </si>
  <si>
    <t>県立柏陽</t>
    <rPh sb="0" eb="2">
      <t>ケンリツ</t>
    </rPh>
    <rPh sb="2" eb="4">
      <t>ハクヨウ</t>
    </rPh>
    <phoneticPr fontId="3"/>
  </si>
  <si>
    <t>県立横浜緑ケ丘</t>
    <rPh sb="0" eb="2">
      <t>ケンリツ</t>
    </rPh>
    <rPh sb="2" eb="4">
      <t>ヨコハマ</t>
    </rPh>
    <rPh sb="4" eb="7">
      <t>ミドリガオカ</t>
    </rPh>
    <phoneticPr fontId="3"/>
  </si>
  <si>
    <t>県立横浜立野</t>
    <rPh sb="0" eb="2">
      <t>ケンリツ</t>
    </rPh>
    <rPh sb="2" eb="4">
      <t>ヨコハマ</t>
    </rPh>
    <rPh sb="4" eb="6">
      <t>タテノ</t>
    </rPh>
    <phoneticPr fontId="3"/>
  </si>
  <si>
    <t>県立横浜氷取沢</t>
    <rPh sb="0" eb="2">
      <t>ケンリツ</t>
    </rPh>
    <rPh sb="2" eb="4">
      <t>ヨコハマ</t>
    </rPh>
    <rPh sb="4" eb="7">
      <t>ヒトリザワ</t>
    </rPh>
    <phoneticPr fontId="3"/>
  </si>
  <si>
    <t>川崎</t>
    <rPh sb="0" eb="2">
      <t>カワサキ</t>
    </rPh>
    <phoneticPr fontId="3"/>
  </si>
  <si>
    <t>県立新城</t>
    <rPh sb="0" eb="2">
      <t>ケンリツ</t>
    </rPh>
    <rPh sb="2" eb="4">
      <t>シンジョウ</t>
    </rPh>
    <phoneticPr fontId="3"/>
  </si>
  <si>
    <t>県立住吉</t>
    <rPh sb="0" eb="2">
      <t>ケンリツ</t>
    </rPh>
    <rPh sb="2" eb="4">
      <t>スミヨシ</t>
    </rPh>
    <phoneticPr fontId="3"/>
  </si>
  <si>
    <t>県立川崎北</t>
    <rPh sb="0" eb="2">
      <t>ケンリツ</t>
    </rPh>
    <rPh sb="2" eb="4">
      <t>カワサキ</t>
    </rPh>
    <rPh sb="4" eb="5">
      <t>キタ</t>
    </rPh>
    <phoneticPr fontId="3"/>
  </si>
  <si>
    <t>県立多摩</t>
    <rPh sb="0" eb="2">
      <t>ケンリツ</t>
    </rPh>
    <rPh sb="2" eb="4">
      <t>タマ</t>
    </rPh>
    <phoneticPr fontId="3"/>
  </si>
  <si>
    <t>県立生田</t>
    <rPh sb="0" eb="2">
      <t>ケンリツ</t>
    </rPh>
    <rPh sb="2" eb="4">
      <t>イクタ</t>
    </rPh>
    <phoneticPr fontId="3"/>
  </si>
  <si>
    <t>県立百合丘</t>
    <rPh sb="0" eb="2">
      <t>ケンリツ</t>
    </rPh>
    <rPh sb="2" eb="4">
      <t>ユリ</t>
    </rPh>
    <rPh sb="4" eb="5">
      <t>オカ</t>
    </rPh>
    <phoneticPr fontId="3"/>
  </si>
  <si>
    <t>県立生田東</t>
    <rPh sb="0" eb="2">
      <t>ケンリツ</t>
    </rPh>
    <rPh sb="2" eb="4">
      <t>イクタ</t>
    </rPh>
    <rPh sb="4" eb="5">
      <t>ヒガシ</t>
    </rPh>
    <phoneticPr fontId="3"/>
  </si>
  <si>
    <t>県立菅</t>
    <rPh sb="0" eb="2">
      <t>ケンリツ</t>
    </rPh>
    <rPh sb="2" eb="3">
      <t>スゲ</t>
    </rPh>
    <phoneticPr fontId="3"/>
  </si>
  <si>
    <t>県立麻生</t>
    <rPh sb="0" eb="2">
      <t>ケンリツ</t>
    </rPh>
    <rPh sb="2" eb="4">
      <t>アサオ</t>
    </rPh>
    <phoneticPr fontId="3"/>
  </si>
  <si>
    <t>横須賀・三浦</t>
    <rPh sb="0" eb="3">
      <t>ヨコスカ</t>
    </rPh>
    <rPh sb="4" eb="6">
      <t>ミウラ</t>
    </rPh>
    <phoneticPr fontId="3"/>
  </si>
  <si>
    <t>県立横須賀</t>
    <rPh sb="0" eb="2">
      <t>ケンリツ</t>
    </rPh>
    <rPh sb="2" eb="5">
      <t>ヨコスカ</t>
    </rPh>
    <phoneticPr fontId="3"/>
  </si>
  <si>
    <t>県立横須賀大津</t>
    <rPh sb="0" eb="2">
      <t>ケンリツ</t>
    </rPh>
    <rPh sb="2" eb="5">
      <t>ヨコスカ</t>
    </rPh>
    <rPh sb="5" eb="7">
      <t>オオツ</t>
    </rPh>
    <phoneticPr fontId="3"/>
  </si>
  <si>
    <t>県立追浜</t>
    <rPh sb="0" eb="2">
      <t>ケンリツ</t>
    </rPh>
    <rPh sb="2" eb="4">
      <t>オッパマ</t>
    </rPh>
    <phoneticPr fontId="3"/>
  </si>
  <si>
    <t>県立津久井浜</t>
    <rPh sb="0" eb="2">
      <t>ケンリツ</t>
    </rPh>
    <rPh sb="2" eb="6">
      <t>ツクイハマ</t>
    </rPh>
    <phoneticPr fontId="3"/>
  </si>
  <si>
    <t>県立逗子葉山</t>
    <rPh sb="0" eb="2">
      <t>ケンリツ</t>
    </rPh>
    <rPh sb="2" eb="4">
      <t>ズシ</t>
    </rPh>
    <rPh sb="4" eb="6">
      <t>ハヤマ</t>
    </rPh>
    <phoneticPr fontId="3"/>
  </si>
  <si>
    <t>鎌倉・藤沢・茅ヶ崎</t>
    <rPh sb="0" eb="2">
      <t>カマクラ</t>
    </rPh>
    <rPh sb="3" eb="5">
      <t>フジサワ</t>
    </rPh>
    <rPh sb="6" eb="9">
      <t>チガサキ</t>
    </rPh>
    <phoneticPr fontId="3"/>
  </si>
  <si>
    <t>県立鎌倉</t>
    <rPh sb="0" eb="2">
      <t>ケンリツ</t>
    </rPh>
    <rPh sb="2" eb="4">
      <t>カマクラ</t>
    </rPh>
    <phoneticPr fontId="3"/>
  </si>
  <si>
    <t>県立七里ガ浜</t>
    <rPh sb="0" eb="2">
      <t>ケンリツ</t>
    </rPh>
    <rPh sb="2" eb="6">
      <t>シチリガハマ</t>
    </rPh>
    <phoneticPr fontId="3"/>
  </si>
  <si>
    <t>県立大船</t>
    <rPh sb="0" eb="2">
      <t>ケンリツ</t>
    </rPh>
    <rPh sb="2" eb="4">
      <t>オオフナ</t>
    </rPh>
    <phoneticPr fontId="3"/>
  </si>
  <si>
    <t>県立湘南</t>
    <rPh sb="0" eb="2">
      <t>ケンリツ</t>
    </rPh>
    <rPh sb="2" eb="4">
      <t>ショウナン</t>
    </rPh>
    <phoneticPr fontId="3"/>
  </si>
  <si>
    <t>県立藤沢西</t>
    <rPh sb="0" eb="2">
      <t>ケンリツ</t>
    </rPh>
    <rPh sb="2" eb="4">
      <t>フジサワ</t>
    </rPh>
    <rPh sb="4" eb="5">
      <t>ニシ</t>
    </rPh>
    <phoneticPr fontId="3"/>
  </si>
  <si>
    <t>県立湘南台</t>
    <rPh sb="0" eb="2">
      <t>ケンリツ</t>
    </rPh>
    <rPh sb="2" eb="5">
      <t>ショウナンダイ</t>
    </rPh>
    <phoneticPr fontId="3"/>
  </si>
  <si>
    <t>県立茅ケ崎</t>
    <rPh sb="0" eb="2">
      <t>ケンリツ</t>
    </rPh>
    <rPh sb="2" eb="5">
      <t>チガサキ</t>
    </rPh>
    <phoneticPr fontId="3"/>
  </si>
  <si>
    <t>県立茅ケ崎北陵</t>
    <rPh sb="0" eb="2">
      <t>ケンリツ</t>
    </rPh>
    <rPh sb="2" eb="5">
      <t>チガサキ</t>
    </rPh>
    <rPh sb="5" eb="6">
      <t>ホク</t>
    </rPh>
    <rPh sb="6" eb="7">
      <t>リョウ</t>
    </rPh>
    <phoneticPr fontId="3"/>
  </si>
  <si>
    <t>県立鶴嶺</t>
    <rPh sb="0" eb="2">
      <t>ケンリツ</t>
    </rPh>
    <rPh sb="2" eb="4">
      <t>ツルミネ</t>
    </rPh>
    <phoneticPr fontId="3"/>
  </si>
  <si>
    <t>県立茅ケ崎西浜</t>
    <rPh sb="0" eb="2">
      <t>ケンリツ</t>
    </rPh>
    <rPh sb="2" eb="5">
      <t>チガサキ</t>
    </rPh>
    <rPh sb="5" eb="7">
      <t>ニシハマ</t>
    </rPh>
    <phoneticPr fontId="3"/>
  </si>
  <si>
    <t>県立寒川</t>
    <rPh sb="0" eb="2">
      <t>ケンリツ</t>
    </rPh>
    <rPh sb="2" eb="4">
      <t>サムカワ</t>
    </rPh>
    <phoneticPr fontId="3"/>
  </si>
  <si>
    <t>平塚・秦野・伊勢原</t>
    <rPh sb="0" eb="2">
      <t>ヒラツカ</t>
    </rPh>
    <rPh sb="3" eb="5">
      <t>ハダノ</t>
    </rPh>
    <rPh sb="6" eb="9">
      <t>イセハラ</t>
    </rPh>
    <phoneticPr fontId="3"/>
  </si>
  <si>
    <t>県立平塚江南</t>
    <rPh sb="0" eb="2">
      <t>ケンリツ</t>
    </rPh>
    <rPh sb="2" eb="4">
      <t>ヒラツカ</t>
    </rPh>
    <rPh sb="4" eb="6">
      <t>コウナン</t>
    </rPh>
    <phoneticPr fontId="3"/>
  </si>
  <si>
    <t>県立高浜</t>
    <rPh sb="0" eb="2">
      <t>ケンリツ</t>
    </rPh>
    <rPh sb="2" eb="4">
      <t>タカハマ</t>
    </rPh>
    <phoneticPr fontId="3"/>
  </si>
  <si>
    <t>県立大磯</t>
    <rPh sb="0" eb="2">
      <t>ケンリツ</t>
    </rPh>
    <rPh sb="2" eb="4">
      <t>オオイソ</t>
    </rPh>
    <phoneticPr fontId="3"/>
  </si>
  <si>
    <t>県立二宮</t>
    <rPh sb="0" eb="2">
      <t>ケンリツ</t>
    </rPh>
    <rPh sb="2" eb="4">
      <t>ニノミヤ</t>
    </rPh>
    <phoneticPr fontId="3"/>
  </si>
  <si>
    <t>県立秦野</t>
    <rPh sb="0" eb="2">
      <t>ケンリツ</t>
    </rPh>
    <rPh sb="2" eb="4">
      <t>ハダノ</t>
    </rPh>
    <phoneticPr fontId="3"/>
  </si>
  <si>
    <t>県立秦野曽屋</t>
    <rPh sb="0" eb="2">
      <t>ケンリツ</t>
    </rPh>
    <rPh sb="2" eb="4">
      <t>ハダノ</t>
    </rPh>
    <rPh sb="4" eb="5">
      <t>ソ</t>
    </rPh>
    <rPh sb="5" eb="6">
      <t>ヤ</t>
    </rPh>
    <phoneticPr fontId="3"/>
  </si>
  <si>
    <t>県立伊勢原</t>
    <rPh sb="0" eb="2">
      <t>ケンリツ</t>
    </rPh>
    <rPh sb="2" eb="5">
      <t>イセハラ</t>
    </rPh>
    <phoneticPr fontId="3"/>
  </si>
  <si>
    <t>県立伊志田</t>
    <rPh sb="0" eb="2">
      <t>ケンリツ</t>
    </rPh>
    <rPh sb="2" eb="3">
      <t>イ</t>
    </rPh>
    <rPh sb="3" eb="4">
      <t>シ</t>
    </rPh>
    <rPh sb="4" eb="5">
      <t>ダ</t>
    </rPh>
    <phoneticPr fontId="3"/>
  </si>
  <si>
    <t>県西</t>
    <rPh sb="0" eb="2">
      <t>ケンセイ</t>
    </rPh>
    <phoneticPr fontId="3"/>
  </si>
  <si>
    <t>県立小田原東</t>
    <rPh sb="0" eb="2">
      <t>ケンリツ</t>
    </rPh>
    <rPh sb="2" eb="5">
      <t>オダワラ</t>
    </rPh>
    <rPh sb="5" eb="6">
      <t>ヒガシ</t>
    </rPh>
    <phoneticPr fontId="3"/>
  </si>
  <si>
    <t>県立西湘</t>
    <rPh sb="0" eb="2">
      <t>ケンリツ</t>
    </rPh>
    <rPh sb="2" eb="4">
      <t>セイショウ</t>
    </rPh>
    <phoneticPr fontId="3"/>
  </si>
  <si>
    <t>県立足柄</t>
    <rPh sb="0" eb="2">
      <t>ケンリツ</t>
    </rPh>
    <rPh sb="2" eb="4">
      <t>アシガラ</t>
    </rPh>
    <phoneticPr fontId="3"/>
  </si>
  <si>
    <t>県立山北</t>
    <rPh sb="0" eb="2">
      <t>ケンリツ</t>
    </rPh>
    <rPh sb="2" eb="4">
      <t>ヤマキタ</t>
    </rPh>
    <phoneticPr fontId="3"/>
  </si>
  <si>
    <t>県央</t>
    <rPh sb="0" eb="2">
      <t>ケンオウ</t>
    </rPh>
    <phoneticPr fontId="3"/>
  </si>
  <si>
    <t>県立厚木</t>
    <rPh sb="0" eb="2">
      <t>ケンリツ</t>
    </rPh>
    <rPh sb="2" eb="4">
      <t>アツギ</t>
    </rPh>
    <phoneticPr fontId="3"/>
  </si>
  <si>
    <t>県立厚木王子</t>
    <rPh sb="0" eb="2">
      <t>ケンリツ</t>
    </rPh>
    <rPh sb="2" eb="4">
      <t>アツギ</t>
    </rPh>
    <rPh sb="4" eb="6">
      <t>オウジ</t>
    </rPh>
    <phoneticPr fontId="3"/>
  </si>
  <si>
    <t>県立厚木北</t>
    <rPh sb="0" eb="2">
      <t>ケンリツ</t>
    </rPh>
    <rPh sb="2" eb="4">
      <t>アツギ</t>
    </rPh>
    <rPh sb="4" eb="5">
      <t>キタ</t>
    </rPh>
    <phoneticPr fontId="3"/>
  </si>
  <si>
    <t>県立厚木西</t>
    <rPh sb="0" eb="2">
      <t>ケンリツ</t>
    </rPh>
    <rPh sb="2" eb="4">
      <t>アツギ</t>
    </rPh>
    <rPh sb="4" eb="5">
      <t>ニシ</t>
    </rPh>
    <phoneticPr fontId="3"/>
  </si>
  <si>
    <t>県立海老名</t>
    <rPh sb="0" eb="2">
      <t>ケンリツ</t>
    </rPh>
    <rPh sb="2" eb="5">
      <t>エビナ</t>
    </rPh>
    <phoneticPr fontId="3"/>
  </si>
  <si>
    <t>県立有馬</t>
    <rPh sb="0" eb="2">
      <t>ケンリツ</t>
    </rPh>
    <rPh sb="2" eb="4">
      <t>アリマ</t>
    </rPh>
    <phoneticPr fontId="3"/>
  </si>
  <si>
    <t>県立愛川</t>
    <rPh sb="0" eb="2">
      <t>ケンリツ</t>
    </rPh>
    <rPh sb="2" eb="3">
      <t>アイコウ</t>
    </rPh>
    <rPh sb="3" eb="4">
      <t>カワ</t>
    </rPh>
    <phoneticPr fontId="3"/>
  </si>
  <si>
    <t>県立大和</t>
    <rPh sb="0" eb="2">
      <t>ケンリツ</t>
    </rPh>
    <rPh sb="2" eb="4">
      <t>ヤマト</t>
    </rPh>
    <phoneticPr fontId="3"/>
  </si>
  <si>
    <t>県立大和南</t>
    <rPh sb="0" eb="2">
      <t>ケンリツ</t>
    </rPh>
    <rPh sb="2" eb="4">
      <t>ヤマト</t>
    </rPh>
    <rPh sb="4" eb="5">
      <t>ミナミ</t>
    </rPh>
    <phoneticPr fontId="3"/>
  </si>
  <si>
    <t>県立大和西</t>
    <rPh sb="0" eb="2">
      <t>ケンリツ</t>
    </rPh>
    <rPh sb="2" eb="4">
      <t>ヤマト</t>
    </rPh>
    <rPh sb="4" eb="5">
      <t>ニシ</t>
    </rPh>
    <phoneticPr fontId="3"/>
  </si>
  <si>
    <t>県立座間</t>
    <rPh sb="0" eb="2">
      <t>ケンリツ</t>
    </rPh>
    <rPh sb="2" eb="4">
      <t>ザマ</t>
    </rPh>
    <phoneticPr fontId="3"/>
  </si>
  <si>
    <t>県立綾瀬</t>
    <rPh sb="0" eb="2">
      <t>ケンリツ</t>
    </rPh>
    <rPh sb="2" eb="4">
      <t>アヤセ</t>
    </rPh>
    <phoneticPr fontId="3"/>
  </si>
  <si>
    <t>県立綾瀬西</t>
    <rPh sb="0" eb="2">
      <t>ケンリツ</t>
    </rPh>
    <rPh sb="2" eb="4">
      <t>アヤセ</t>
    </rPh>
    <rPh sb="4" eb="5">
      <t>ニシ</t>
    </rPh>
    <phoneticPr fontId="3"/>
  </si>
  <si>
    <t>相模原</t>
    <rPh sb="0" eb="3">
      <t>サガミハラ</t>
    </rPh>
    <phoneticPr fontId="3"/>
  </si>
  <si>
    <t>県立麻溝台</t>
    <rPh sb="0" eb="2">
      <t>ケンリツ</t>
    </rPh>
    <rPh sb="2" eb="5">
      <t>アサミゾダイ</t>
    </rPh>
    <phoneticPr fontId="3"/>
  </si>
  <si>
    <t>県立上鶴間</t>
    <rPh sb="0" eb="2">
      <t>ケンリツ</t>
    </rPh>
    <rPh sb="2" eb="5">
      <t>カミツルマ</t>
    </rPh>
    <phoneticPr fontId="3"/>
  </si>
  <si>
    <t>県立上溝</t>
    <rPh sb="0" eb="2">
      <t>ケンリツ</t>
    </rPh>
    <rPh sb="2" eb="4">
      <t>カミミゾ</t>
    </rPh>
    <phoneticPr fontId="3"/>
  </si>
  <si>
    <t>県立相模原</t>
    <rPh sb="0" eb="2">
      <t>ケンリツ</t>
    </rPh>
    <rPh sb="2" eb="5">
      <t>サガミハラ</t>
    </rPh>
    <phoneticPr fontId="3"/>
  </si>
  <si>
    <t>県立上溝南</t>
    <rPh sb="0" eb="2">
      <t>ケンリツ</t>
    </rPh>
    <rPh sb="2" eb="4">
      <t>カミミゾ</t>
    </rPh>
    <rPh sb="4" eb="5">
      <t>ミナミ</t>
    </rPh>
    <phoneticPr fontId="3"/>
  </si>
  <si>
    <t>県立橋本</t>
    <rPh sb="0" eb="2">
      <t>ケンリツ</t>
    </rPh>
    <rPh sb="2" eb="4">
      <t>ハシモト</t>
    </rPh>
    <phoneticPr fontId="3"/>
  </si>
  <si>
    <t>県立相模田名</t>
    <rPh sb="0" eb="2">
      <t>ケンリツ</t>
    </rPh>
    <rPh sb="2" eb="4">
      <t>サガミ</t>
    </rPh>
    <rPh sb="4" eb="6">
      <t>タナ</t>
    </rPh>
    <phoneticPr fontId="3"/>
  </si>
  <si>
    <t>県立津久井</t>
    <rPh sb="0" eb="2">
      <t>ケンリツ</t>
    </rPh>
    <rPh sb="2" eb="5">
      <t>ツクイ</t>
    </rPh>
    <phoneticPr fontId="3"/>
  </si>
  <si>
    <t>県　立　計</t>
    <phoneticPr fontId="3"/>
  </si>
  <si>
    <t>1月30日志願者数</t>
    <rPh sb="1" eb="2">
      <t>ガツ</t>
    </rPh>
    <rPh sb="4" eb="5">
      <t>ニチ</t>
    </rPh>
    <rPh sb="5" eb="8">
      <t>シガンシャ</t>
    </rPh>
    <rPh sb="8" eb="9">
      <t>スウ</t>
    </rPh>
    <phoneticPr fontId="3"/>
  </si>
  <si>
    <t>学区</t>
    <rPh sb="0" eb="2">
      <t>ガック</t>
    </rPh>
    <phoneticPr fontId="3"/>
  </si>
  <si>
    <t>計</t>
    <rPh sb="0" eb="1">
      <t>ケイ</t>
    </rPh>
    <phoneticPr fontId="3"/>
  </si>
  <si>
    <t>区</t>
    <phoneticPr fontId="3"/>
  </si>
  <si>
    <t>(Ａ)</t>
  </si>
  <si>
    <t>内</t>
    <rPh sb="0" eb="1">
      <t>ナイ</t>
    </rPh>
    <phoneticPr fontId="3"/>
  </si>
  <si>
    <t>外</t>
    <rPh sb="0" eb="1">
      <t>ガイ</t>
    </rPh>
    <phoneticPr fontId="3"/>
  </si>
  <si>
    <t>横浜市立</t>
    <phoneticPr fontId="3"/>
  </si>
  <si>
    <t>横浜市立桜丘</t>
    <rPh sb="0" eb="2">
      <t>ヨコハマ</t>
    </rPh>
    <rPh sb="2" eb="4">
      <t>イチリツ</t>
    </rPh>
    <rPh sb="4" eb="6">
      <t>サクラガオカ</t>
    </rPh>
    <phoneticPr fontId="3"/>
  </si>
  <si>
    <t>横浜市立金沢</t>
    <rPh sb="0" eb="2">
      <t>ヨコハマ</t>
    </rPh>
    <rPh sb="2" eb="4">
      <t>イチリツ</t>
    </rPh>
    <rPh sb="4" eb="6">
      <t>カナザワ</t>
    </rPh>
    <phoneticPr fontId="3"/>
  </si>
  <si>
    <t>小　　計</t>
    <rPh sb="0" eb="1">
      <t>ショウ</t>
    </rPh>
    <rPh sb="3" eb="4">
      <t>ケイ</t>
    </rPh>
    <phoneticPr fontId="3"/>
  </si>
  <si>
    <t>川崎市立</t>
    <rPh sb="0" eb="2">
      <t>カワサキ</t>
    </rPh>
    <rPh sb="2" eb="4">
      <t>イチリツ</t>
    </rPh>
    <phoneticPr fontId="3"/>
  </si>
  <si>
    <t>川崎市立橘</t>
    <rPh sb="0" eb="2">
      <t>カワサキ</t>
    </rPh>
    <rPh sb="2" eb="4">
      <t>シリツ</t>
    </rPh>
    <rPh sb="4" eb="5">
      <t>タチバナ</t>
    </rPh>
    <phoneticPr fontId="3"/>
  </si>
  <si>
    <t>川崎市立高津</t>
    <rPh sb="0" eb="2">
      <t>カワサキ</t>
    </rPh>
    <rPh sb="2" eb="4">
      <t>シリツ</t>
    </rPh>
    <rPh sb="4" eb="6">
      <t>タカツ</t>
    </rPh>
    <phoneticPr fontId="3"/>
  </si>
  <si>
    <t>川崎市立幸</t>
    <rPh sb="0" eb="2">
      <t>カワサキ</t>
    </rPh>
    <rPh sb="2" eb="4">
      <t>シリツ</t>
    </rPh>
    <rPh sb="4" eb="5">
      <t>ユキ</t>
    </rPh>
    <phoneticPr fontId="3"/>
  </si>
  <si>
    <t>市　立　計</t>
    <rPh sb="0" eb="1">
      <t>シ</t>
    </rPh>
    <phoneticPr fontId="3"/>
  </si>
  <si>
    <t>－</t>
    <phoneticPr fontId="3"/>
  </si>
  <si>
    <t>－</t>
  </si>
  <si>
    <t>合　　計</t>
    <phoneticPr fontId="3"/>
  </si>
  <si>
    <t>普通科　クリエイティブスクール</t>
    <rPh sb="0" eb="3">
      <t>フツウカ</t>
    </rPh>
    <phoneticPr fontId="3"/>
  </si>
  <si>
    <t>　学 校 名</t>
    <rPh sb="1" eb="2">
      <t>ガク</t>
    </rPh>
    <rPh sb="3" eb="4">
      <t>コウ</t>
    </rPh>
    <rPh sb="5" eb="6">
      <t>メイ</t>
    </rPh>
    <phoneticPr fontId="3"/>
  </si>
  <si>
    <t>募集定員</t>
    <rPh sb="0" eb="2">
      <t>ボシュウ</t>
    </rPh>
    <rPh sb="2" eb="4">
      <t>テイイン</t>
    </rPh>
    <phoneticPr fontId="3"/>
  </si>
  <si>
    <t>(A)</t>
    <phoneticPr fontId="3"/>
  </si>
  <si>
    <t xml:space="preserve"> 県立釜利谷</t>
    <rPh sb="1" eb="3">
      <t>ケンリツ</t>
    </rPh>
    <rPh sb="3" eb="6">
      <t>カマリヤ</t>
    </rPh>
    <phoneticPr fontId="3"/>
  </si>
  <si>
    <t xml:space="preserve"> 県立横須賀南</t>
    <rPh sb="1" eb="3">
      <t>ケンリツ</t>
    </rPh>
    <rPh sb="3" eb="6">
      <t>ヨコスカ</t>
    </rPh>
    <rPh sb="6" eb="7">
      <t>ミナミ</t>
    </rPh>
    <phoneticPr fontId="3"/>
  </si>
  <si>
    <t xml:space="preserve"> 県立小田原北</t>
    <rPh sb="1" eb="3">
      <t>ケンリツ</t>
    </rPh>
    <rPh sb="3" eb="6">
      <t>オダワラ</t>
    </rPh>
    <rPh sb="6" eb="7">
      <t>キタ</t>
    </rPh>
    <phoneticPr fontId="3"/>
  </si>
  <si>
    <t xml:space="preserve"> 県立大和東</t>
    <rPh sb="1" eb="3">
      <t>ケンリツ</t>
    </rPh>
    <rPh sb="3" eb="5">
      <t>ヤマト</t>
    </rPh>
    <rPh sb="5" eb="6">
      <t>ヒガシ</t>
    </rPh>
    <phoneticPr fontId="3"/>
  </si>
  <si>
    <t>合　　計</t>
    <rPh sb="0" eb="4">
      <t>ゴウケイ</t>
    </rPh>
    <phoneticPr fontId="3"/>
  </si>
  <si>
    <t>※　県立小田原北高等学校の前年度競争率は、県立大井高等学校の前年度競争率です。</t>
    <rPh sb="2" eb="4">
      <t>ケンリツ</t>
    </rPh>
    <rPh sb="4" eb="7">
      <t>オダワラ</t>
    </rPh>
    <rPh sb="7" eb="8">
      <t>キタ</t>
    </rPh>
    <rPh sb="8" eb="10">
      <t>コウトウ</t>
    </rPh>
    <rPh sb="10" eb="12">
      <t>ガッコウ</t>
    </rPh>
    <rPh sb="13" eb="16">
      <t>ゼンネンド</t>
    </rPh>
    <rPh sb="16" eb="19">
      <t>キョウソウリツ</t>
    </rPh>
    <rPh sb="21" eb="23">
      <t>ケンリツ</t>
    </rPh>
    <rPh sb="23" eb="25">
      <t>オオイ</t>
    </rPh>
    <rPh sb="25" eb="27">
      <t>コウトウ</t>
    </rPh>
    <rPh sb="27" eb="29">
      <t>ガッコウ</t>
    </rPh>
    <rPh sb="30" eb="36">
      <t>ゼンネンドキョウソウリツ</t>
    </rPh>
    <phoneticPr fontId="3"/>
  </si>
  <si>
    <t>４　特別募集及び中途退学者募集志願締切時志願状況</t>
    <rPh sb="2" eb="4">
      <t>トクベツ</t>
    </rPh>
    <rPh sb="19" eb="20">
      <t>ジ</t>
    </rPh>
    <rPh sb="20" eb="22">
      <t>シガン</t>
    </rPh>
    <phoneticPr fontId="3"/>
  </si>
  <si>
    <t>　　　</t>
    <phoneticPr fontId="6"/>
  </si>
  <si>
    <t>海外帰国生徒特別募集</t>
    <rPh sb="0" eb="4">
      <t>カイガイキコク</t>
    </rPh>
    <rPh sb="4" eb="6">
      <t>セイト</t>
    </rPh>
    <rPh sb="6" eb="8">
      <t>トクベツ</t>
    </rPh>
    <rPh sb="8" eb="10">
      <t>ボシュウ</t>
    </rPh>
    <phoneticPr fontId="3"/>
  </si>
  <si>
    <t xml:space="preserve"> 学科・コース名</t>
    <rPh sb="1" eb="2">
      <t>ガク</t>
    </rPh>
    <rPh sb="2" eb="3">
      <t>カ</t>
    </rPh>
    <rPh sb="7" eb="8">
      <t>ナ</t>
    </rPh>
    <phoneticPr fontId="3"/>
  </si>
  <si>
    <t>志願者数</t>
    <rPh sb="0" eb="3">
      <t>シガンシャ</t>
    </rPh>
    <rPh sb="3" eb="4">
      <t>スウ</t>
    </rPh>
    <phoneticPr fontId="3"/>
  </si>
  <si>
    <t>(A)</t>
    <phoneticPr fontId="6"/>
  </si>
  <si>
    <t>県立神奈川総合</t>
    <rPh sb="0" eb="2">
      <t>ケンリツ</t>
    </rPh>
    <rPh sb="2" eb="5">
      <t>カナガワ</t>
    </rPh>
    <rPh sb="5" eb="7">
      <t>ソウゴウ</t>
    </rPh>
    <phoneticPr fontId="3"/>
  </si>
  <si>
    <t>単位制普通科 国際文化コース</t>
    <rPh sb="0" eb="3">
      <t>タンイセイ</t>
    </rPh>
    <rPh sb="3" eb="5">
      <t>フツウ</t>
    </rPh>
    <rPh sb="5" eb="6">
      <t>カ</t>
    </rPh>
    <rPh sb="7" eb="9">
      <t>コクサイ</t>
    </rPh>
    <rPh sb="9" eb="11">
      <t>ブンカ</t>
    </rPh>
    <phoneticPr fontId="6"/>
  </si>
  <si>
    <t>県立横浜国際</t>
    <rPh sb="0" eb="2">
      <t>ケンリツ</t>
    </rPh>
    <rPh sb="2" eb="4">
      <t>ヨコハマ</t>
    </rPh>
    <rPh sb="4" eb="6">
      <t>コクサイ</t>
    </rPh>
    <phoneticPr fontId="3"/>
  </si>
  <si>
    <t>単位制国際科</t>
    <rPh sb="0" eb="3">
      <t>タンイセイ</t>
    </rPh>
    <rPh sb="3" eb="5">
      <t>コクサイ</t>
    </rPh>
    <rPh sb="5" eb="6">
      <t>カ</t>
    </rPh>
    <phoneticPr fontId="6"/>
  </si>
  <si>
    <t>　　〃</t>
  </si>
  <si>
    <t>単位制国際科国際バカロレアコース</t>
    <rPh sb="0" eb="3">
      <t>タンイセイ</t>
    </rPh>
    <rPh sb="3" eb="5">
      <t>コクサイ</t>
    </rPh>
    <rPh sb="5" eb="6">
      <t>カ</t>
    </rPh>
    <rPh sb="6" eb="8">
      <t>コクサイ</t>
    </rPh>
    <phoneticPr fontId="6"/>
  </si>
  <si>
    <t>　　計</t>
    <rPh sb="2" eb="3">
      <t>ケイ</t>
    </rPh>
    <phoneticPr fontId="6"/>
  </si>
  <si>
    <t>普通科</t>
    <rPh sb="0" eb="2">
      <t>フツウ</t>
    </rPh>
    <rPh sb="2" eb="3">
      <t>カ</t>
    </rPh>
    <phoneticPr fontId="6"/>
  </si>
  <si>
    <t>県立西湘</t>
    <rPh sb="0" eb="2">
      <t>ケンリツ</t>
    </rPh>
    <rPh sb="2" eb="3">
      <t>ニシ</t>
    </rPh>
    <rPh sb="3" eb="4">
      <t>ショウ</t>
    </rPh>
    <phoneticPr fontId="3"/>
  </si>
  <si>
    <t>県立鶴嶺</t>
    <rPh sb="0" eb="2">
      <t>ケンリツ</t>
    </rPh>
    <rPh sb="2" eb="3">
      <t>ツル</t>
    </rPh>
    <rPh sb="3" eb="4">
      <t>ミネ</t>
    </rPh>
    <phoneticPr fontId="3"/>
  </si>
  <si>
    <t>県立相模原弥栄</t>
    <rPh sb="0" eb="2">
      <t>ケンリツ</t>
    </rPh>
    <rPh sb="2" eb="5">
      <t>サガミハラ</t>
    </rPh>
    <rPh sb="5" eb="7">
      <t>ヤエイ</t>
    </rPh>
    <phoneticPr fontId="3"/>
  </si>
  <si>
    <t>単位制普通科</t>
    <rPh sb="0" eb="3">
      <t>タンイセイ</t>
    </rPh>
    <rPh sb="3" eb="6">
      <t>フツウカ</t>
    </rPh>
    <phoneticPr fontId="6"/>
  </si>
  <si>
    <t>県立伊志田</t>
    <rPh sb="0" eb="2">
      <t>ケンリツ</t>
    </rPh>
    <rPh sb="2" eb="3">
      <t>イ</t>
    </rPh>
    <rPh sb="3" eb="5">
      <t>シダ</t>
    </rPh>
    <phoneticPr fontId="3"/>
  </si>
  <si>
    <t>　県　立　　計</t>
    <rPh sb="1" eb="2">
      <t>ケン</t>
    </rPh>
    <rPh sb="3" eb="4">
      <t>タテ</t>
    </rPh>
    <rPh sb="6" eb="7">
      <t>ケイ</t>
    </rPh>
    <phoneticPr fontId="6"/>
  </si>
  <si>
    <t>横浜市立東</t>
    <rPh sb="0" eb="4">
      <t>ヨコハマシリツ</t>
    </rPh>
    <rPh sb="4" eb="5">
      <t>ヒガシ</t>
    </rPh>
    <phoneticPr fontId="3"/>
  </si>
  <si>
    <t>単位制普通科</t>
    <rPh sb="0" eb="3">
      <t>タン</t>
    </rPh>
    <rPh sb="3" eb="5">
      <t>フツウ</t>
    </rPh>
    <rPh sb="5" eb="6">
      <t>カ</t>
    </rPh>
    <phoneticPr fontId="6"/>
  </si>
  <si>
    <t>※　県立横浜国際高等学校の単位制国際科は、単位制国際科国際バカロレアコースを除く単位制国際科です。</t>
    <rPh sb="40" eb="43">
      <t>タンイセイ</t>
    </rPh>
    <phoneticPr fontId="6"/>
  </si>
  <si>
    <t>在県外国人等特別募集（全日制）</t>
    <rPh sb="0" eb="1">
      <t>ザイ</t>
    </rPh>
    <rPh sb="1" eb="2">
      <t>ケン</t>
    </rPh>
    <rPh sb="2" eb="4">
      <t>ガイコク</t>
    </rPh>
    <rPh sb="4" eb="5">
      <t>ジン</t>
    </rPh>
    <rPh sb="5" eb="6">
      <t>ナド</t>
    </rPh>
    <rPh sb="6" eb="8">
      <t>トクベツ</t>
    </rPh>
    <rPh sb="8" eb="10">
      <t>ボシュウ</t>
    </rPh>
    <rPh sb="11" eb="12">
      <t>ゼン</t>
    </rPh>
    <rPh sb="12" eb="13">
      <t>ニチ</t>
    </rPh>
    <rPh sb="13" eb="14">
      <t>セイ</t>
    </rPh>
    <phoneticPr fontId="6"/>
  </si>
  <si>
    <t xml:space="preserve"> 学科名</t>
    <rPh sb="1" eb="2">
      <t>ガク</t>
    </rPh>
    <rPh sb="2" eb="3">
      <t>カ</t>
    </rPh>
    <rPh sb="3" eb="4">
      <t>ナ</t>
    </rPh>
    <phoneticPr fontId="3"/>
  </si>
  <si>
    <t>県立鶴見総合</t>
    <rPh sb="0" eb="2">
      <t>ケンリツ</t>
    </rPh>
    <rPh sb="2" eb="4">
      <t>ツルミ</t>
    </rPh>
    <rPh sb="4" eb="6">
      <t>ソウゴウ</t>
    </rPh>
    <phoneticPr fontId="6"/>
  </si>
  <si>
    <t>総合学科</t>
  </si>
  <si>
    <t>県立横浜清陵</t>
    <rPh sb="0" eb="2">
      <t>ケンリツ</t>
    </rPh>
    <rPh sb="2" eb="4">
      <t>ヨコハマ</t>
    </rPh>
    <rPh sb="4" eb="6">
      <t>セイリョウ</t>
    </rPh>
    <phoneticPr fontId="6"/>
  </si>
  <si>
    <t>単位制普通科</t>
  </si>
  <si>
    <t>県立磯子工業</t>
    <rPh sb="0" eb="2">
      <t>ケンリツ</t>
    </rPh>
    <rPh sb="2" eb="4">
      <t>イソゴ</t>
    </rPh>
    <rPh sb="4" eb="6">
      <t>コウギョウ</t>
    </rPh>
    <phoneticPr fontId="6"/>
  </si>
  <si>
    <t>機械科</t>
    <rPh sb="0" eb="2">
      <t>キカイ</t>
    </rPh>
    <rPh sb="2" eb="3">
      <t>カ</t>
    </rPh>
    <phoneticPr fontId="6"/>
  </si>
  <si>
    <t>　　〃</t>
    <phoneticPr fontId="6"/>
  </si>
  <si>
    <t>電気科</t>
    <rPh sb="0" eb="2">
      <t>デンキ</t>
    </rPh>
    <rPh sb="2" eb="3">
      <t>カ</t>
    </rPh>
    <phoneticPr fontId="6"/>
  </si>
  <si>
    <t>建設科</t>
    <rPh sb="0" eb="2">
      <t>ケンセツ</t>
    </rPh>
    <rPh sb="2" eb="3">
      <t>カ</t>
    </rPh>
    <phoneticPr fontId="6"/>
  </si>
  <si>
    <t>化学科</t>
    <rPh sb="0" eb="3">
      <t>カガクカ</t>
    </rPh>
    <phoneticPr fontId="6"/>
  </si>
  <si>
    <t>県立新栄</t>
    <rPh sb="0" eb="2">
      <t>ケンリツ</t>
    </rPh>
    <rPh sb="2" eb="4">
      <t>シンエイ</t>
    </rPh>
    <phoneticPr fontId="6"/>
  </si>
  <si>
    <t>普通科</t>
  </si>
  <si>
    <t>県立川崎</t>
    <rPh sb="0" eb="2">
      <t>ケンリツ</t>
    </rPh>
    <rPh sb="2" eb="4">
      <t>カワサキ</t>
    </rPh>
    <phoneticPr fontId="6"/>
  </si>
  <si>
    <t>県立大師</t>
    <rPh sb="0" eb="2">
      <t>ケンリツ</t>
    </rPh>
    <rPh sb="2" eb="4">
      <t>ダイシ</t>
    </rPh>
    <phoneticPr fontId="6"/>
  </si>
  <si>
    <t>県立橋本</t>
    <rPh sb="0" eb="2">
      <t>ケンリツ</t>
    </rPh>
    <rPh sb="2" eb="4">
      <t>ハシモト</t>
    </rPh>
    <phoneticPr fontId="6"/>
  </si>
  <si>
    <t>県立相模原弥栄</t>
    <rPh sb="0" eb="2">
      <t>ケンリツ</t>
    </rPh>
    <rPh sb="2" eb="5">
      <t>サガミハラ</t>
    </rPh>
    <rPh sb="5" eb="7">
      <t>ヤエイ</t>
    </rPh>
    <phoneticPr fontId="6"/>
  </si>
  <si>
    <t>県立高浜</t>
    <rPh sb="0" eb="2">
      <t>ケンリツ</t>
    </rPh>
    <rPh sb="2" eb="4">
      <t>タカハマ</t>
    </rPh>
    <phoneticPr fontId="6"/>
  </si>
  <si>
    <t>県立藤沢総合</t>
    <rPh sb="0" eb="2">
      <t>ケンリツ</t>
    </rPh>
    <rPh sb="2" eb="4">
      <t>フジサワ</t>
    </rPh>
    <rPh sb="4" eb="6">
      <t>ソウゴウ</t>
    </rPh>
    <phoneticPr fontId="6"/>
  </si>
  <si>
    <t>県立大和南</t>
    <rPh sb="0" eb="2">
      <t>ケンリツ</t>
    </rPh>
    <rPh sb="2" eb="4">
      <t>ヤマト</t>
    </rPh>
    <rPh sb="4" eb="5">
      <t>ミナミ</t>
    </rPh>
    <phoneticPr fontId="6"/>
  </si>
  <si>
    <t>県立座間総合</t>
    <rPh sb="0" eb="2">
      <t>ケンリツ</t>
    </rPh>
    <rPh sb="2" eb="4">
      <t>ザマ</t>
    </rPh>
    <rPh sb="4" eb="6">
      <t>ソウゴウ</t>
    </rPh>
    <phoneticPr fontId="6"/>
  </si>
  <si>
    <t>県立愛川</t>
    <rPh sb="0" eb="1">
      <t>ケン</t>
    </rPh>
    <rPh sb="1" eb="2">
      <t>リツ</t>
    </rPh>
    <rPh sb="2" eb="4">
      <t>アイカワ</t>
    </rPh>
    <phoneticPr fontId="6"/>
  </si>
  <si>
    <t>横浜市立みなと総合</t>
    <rPh sb="0" eb="4">
      <t>ヨコハマシリツ</t>
    </rPh>
    <rPh sb="7" eb="9">
      <t>ソウゴウ</t>
    </rPh>
    <phoneticPr fontId="6"/>
  </si>
  <si>
    <t>総合学科</t>
    <rPh sb="0" eb="4">
      <t>ソウゴウガッカ</t>
    </rPh>
    <phoneticPr fontId="3"/>
  </si>
  <si>
    <t>横浜市立横浜商業</t>
    <rPh sb="0" eb="4">
      <t>ヨコハマシリツ</t>
    </rPh>
    <rPh sb="4" eb="6">
      <t>ヨコハマ</t>
    </rPh>
    <rPh sb="6" eb="8">
      <t>ショウギョウ</t>
    </rPh>
    <phoneticPr fontId="6"/>
  </si>
  <si>
    <t>国際学科</t>
    <rPh sb="0" eb="2">
      <t>コクサイ</t>
    </rPh>
    <rPh sb="2" eb="4">
      <t>ガッカ</t>
    </rPh>
    <phoneticPr fontId="3"/>
  </si>
  <si>
    <t>　市　立　　計</t>
    <rPh sb="1" eb="2">
      <t>シ</t>
    </rPh>
    <rPh sb="3" eb="4">
      <t>タテ</t>
    </rPh>
    <rPh sb="6" eb="7">
      <t>ケイ</t>
    </rPh>
    <phoneticPr fontId="6"/>
  </si>
  <si>
    <t>在県外国人等特別募集（定時制）</t>
    <rPh sb="0" eb="1">
      <t>ザイ</t>
    </rPh>
    <rPh sb="1" eb="2">
      <t>ケン</t>
    </rPh>
    <rPh sb="2" eb="4">
      <t>ガイコク</t>
    </rPh>
    <rPh sb="4" eb="5">
      <t>ジン</t>
    </rPh>
    <rPh sb="5" eb="6">
      <t>ナド</t>
    </rPh>
    <rPh sb="6" eb="8">
      <t>トクベツ</t>
    </rPh>
    <rPh sb="8" eb="10">
      <t>ボシュウ</t>
    </rPh>
    <rPh sb="11" eb="13">
      <t>テイジ</t>
    </rPh>
    <rPh sb="13" eb="14">
      <t>セイ</t>
    </rPh>
    <phoneticPr fontId="6"/>
  </si>
  <si>
    <t xml:space="preserve"> 学科・部名</t>
    <rPh sb="1" eb="2">
      <t>ガク</t>
    </rPh>
    <rPh sb="2" eb="3">
      <t>カ</t>
    </rPh>
    <rPh sb="4" eb="5">
      <t>ブ</t>
    </rPh>
    <rPh sb="5" eb="6">
      <t>ナ</t>
    </rPh>
    <phoneticPr fontId="3"/>
  </si>
  <si>
    <t>県立横浜明朋</t>
    <rPh sb="0" eb="2">
      <t>ケンリツ</t>
    </rPh>
    <rPh sb="2" eb="4">
      <t>ヨコハマ</t>
    </rPh>
    <rPh sb="4" eb="5">
      <t>メイ</t>
    </rPh>
    <rPh sb="5" eb="6">
      <t>ホウ</t>
    </rPh>
    <phoneticPr fontId="6"/>
  </si>
  <si>
    <t>単位制普通科 午前部</t>
    <rPh sb="0" eb="3">
      <t>タンイセイ</t>
    </rPh>
    <rPh sb="3" eb="5">
      <t>フツウ</t>
    </rPh>
    <rPh sb="5" eb="6">
      <t>カ</t>
    </rPh>
    <rPh sb="7" eb="9">
      <t>ゴゼン</t>
    </rPh>
    <rPh sb="9" eb="10">
      <t>ブ</t>
    </rPh>
    <phoneticPr fontId="6"/>
  </si>
  <si>
    <t>単位制普通科 午後部</t>
    <rPh sb="0" eb="3">
      <t>タンイセイ</t>
    </rPh>
    <rPh sb="3" eb="5">
      <t>フツウ</t>
    </rPh>
    <rPh sb="5" eb="6">
      <t>カ</t>
    </rPh>
    <rPh sb="7" eb="9">
      <t>ゴゴ</t>
    </rPh>
    <rPh sb="9" eb="10">
      <t>ブ</t>
    </rPh>
    <phoneticPr fontId="6"/>
  </si>
  <si>
    <t>県立相模向陽館</t>
    <rPh sb="0" eb="2">
      <t>ケンリツ</t>
    </rPh>
    <rPh sb="2" eb="4">
      <t>サガミ</t>
    </rPh>
    <rPh sb="4" eb="5">
      <t>コウ</t>
    </rPh>
    <rPh sb="5" eb="6">
      <t>ヨウ</t>
    </rPh>
    <rPh sb="6" eb="7">
      <t>カン</t>
    </rPh>
    <phoneticPr fontId="6"/>
  </si>
  <si>
    <t>横浜市立横浜総合</t>
    <rPh sb="0" eb="3">
      <t>ヨコハマシ</t>
    </rPh>
    <rPh sb="3" eb="4">
      <t>リツ</t>
    </rPh>
    <rPh sb="4" eb="6">
      <t>ヨコハマ</t>
    </rPh>
    <rPh sb="6" eb="8">
      <t>ソウゴウ</t>
    </rPh>
    <phoneticPr fontId="3"/>
  </si>
  <si>
    <t>総合学科 Ⅱ部</t>
    <rPh sb="0" eb="2">
      <t>ソウゴウ</t>
    </rPh>
    <rPh sb="2" eb="4">
      <t>ガッカ</t>
    </rPh>
    <rPh sb="6" eb="7">
      <t>ブ</t>
    </rPh>
    <phoneticPr fontId="3"/>
  </si>
  <si>
    <t>川崎市立川崎</t>
    <rPh sb="0" eb="3">
      <t>カワサキシ</t>
    </rPh>
    <rPh sb="3" eb="4">
      <t>リツ</t>
    </rPh>
    <rPh sb="4" eb="6">
      <t>カワサキ</t>
    </rPh>
    <phoneticPr fontId="3"/>
  </si>
  <si>
    <t>普通科 昼間部</t>
    <rPh sb="0" eb="3">
      <t>フツウカ</t>
    </rPh>
    <rPh sb="4" eb="6">
      <t>チュウカン</t>
    </rPh>
    <rPh sb="6" eb="7">
      <t>ブ</t>
    </rPh>
    <phoneticPr fontId="3"/>
  </si>
  <si>
    <t>インクルーシブ教育実践推進校特別募集</t>
    <rPh sb="7" eb="9">
      <t>キョウイク</t>
    </rPh>
    <rPh sb="9" eb="11">
      <t>ジッセン</t>
    </rPh>
    <rPh sb="11" eb="13">
      <t>スイシン</t>
    </rPh>
    <rPh sb="13" eb="14">
      <t>コウ</t>
    </rPh>
    <rPh sb="14" eb="16">
      <t>トクベツ</t>
    </rPh>
    <rPh sb="16" eb="18">
      <t>ボシュウ</t>
    </rPh>
    <phoneticPr fontId="6"/>
  </si>
  <si>
    <t>県立城郷</t>
    <rPh sb="0" eb="2">
      <t>ケンリツ</t>
    </rPh>
    <rPh sb="2" eb="4">
      <t>シロサト</t>
    </rPh>
    <phoneticPr fontId="6"/>
  </si>
  <si>
    <t>県立横浜南陵</t>
    <rPh sb="2" eb="4">
      <t>ヨコハマ</t>
    </rPh>
    <rPh sb="4" eb="6">
      <t>ナンリョウ</t>
    </rPh>
    <phoneticPr fontId="6"/>
  </si>
  <si>
    <t>県立保土ケ谷</t>
    <rPh sb="0" eb="2">
      <t>ケンリツ</t>
    </rPh>
    <rPh sb="2" eb="6">
      <t>ホドガヤ</t>
    </rPh>
    <phoneticPr fontId="6"/>
  </si>
  <si>
    <t>県立霧が丘</t>
    <rPh sb="0" eb="2">
      <t>ケンリツ</t>
    </rPh>
    <rPh sb="2" eb="3">
      <t>キリ</t>
    </rPh>
    <rPh sb="4" eb="5">
      <t>オカ</t>
    </rPh>
    <phoneticPr fontId="6"/>
  </si>
  <si>
    <t>県立白山</t>
    <rPh sb="2" eb="4">
      <t>ハクサン</t>
    </rPh>
    <phoneticPr fontId="6"/>
  </si>
  <si>
    <t>県立上矢部</t>
    <rPh sb="0" eb="2">
      <t>ケンリツ</t>
    </rPh>
    <rPh sb="2" eb="5">
      <t>カミヤベ</t>
    </rPh>
    <phoneticPr fontId="6"/>
  </si>
  <si>
    <t>県立川崎北</t>
    <rPh sb="0" eb="2">
      <t>ケンリツ</t>
    </rPh>
    <rPh sb="2" eb="4">
      <t>カワサキ</t>
    </rPh>
    <rPh sb="4" eb="5">
      <t>キタ</t>
    </rPh>
    <phoneticPr fontId="6"/>
  </si>
  <si>
    <t>県立菅</t>
    <rPh sb="0" eb="2">
      <t>ケンリツ</t>
    </rPh>
    <rPh sb="2" eb="3">
      <t>スゲ</t>
    </rPh>
    <phoneticPr fontId="6"/>
  </si>
  <si>
    <t>県立上鶴間</t>
    <rPh sb="0" eb="2">
      <t>ケンリツ</t>
    </rPh>
    <rPh sb="2" eb="5">
      <t>カミツルマ</t>
    </rPh>
    <phoneticPr fontId="6"/>
  </si>
  <si>
    <t>県立津久井浜</t>
    <rPh sb="2" eb="5">
      <t>ツクイ</t>
    </rPh>
    <rPh sb="5" eb="6">
      <t>ハマ</t>
    </rPh>
    <phoneticPr fontId="6"/>
  </si>
  <si>
    <t>県立湘南台</t>
    <rPh sb="0" eb="2">
      <t>ケンリツ</t>
    </rPh>
    <rPh sb="2" eb="5">
      <t>ショウナンダイ</t>
    </rPh>
    <phoneticPr fontId="6"/>
  </si>
  <si>
    <t>県立茅ケ崎</t>
    <rPh sb="0" eb="2">
      <t>ケンリツ</t>
    </rPh>
    <rPh sb="2" eb="5">
      <t>チガサキ</t>
    </rPh>
    <phoneticPr fontId="6"/>
  </si>
  <si>
    <t>県立厚木西</t>
    <rPh sb="0" eb="2">
      <t>ケンリツ</t>
    </rPh>
    <rPh sb="2" eb="4">
      <t>アツギ</t>
    </rPh>
    <rPh sb="4" eb="5">
      <t>ニシ</t>
    </rPh>
    <phoneticPr fontId="6"/>
  </si>
  <si>
    <t>県立伊勢原</t>
    <rPh sb="0" eb="2">
      <t>ケンリツ</t>
    </rPh>
    <rPh sb="2" eb="5">
      <t>イセハラ</t>
    </rPh>
    <phoneticPr fontId="6"/>
  </si>
  <si>
    <t>県立足柄</t>
    <rPh sb="0" eb="2">
      <t>ケンリツ</t>
    </rPh>
    <rPh sb="2" eb="4">
      <t>アシガラ</t>
    </rPh>
    <phoneticPr fontId="6"/>
  </si>
  <si>
    <t>県立綾瀬</t>
    <rPh sb="0" eb="2">
      <t>ケンリツ</t>
    </rPh>
    <rPh sb="2" eb="4">
      <t>アヤセ</t>
    </rPh>
    <phoneticPr fontId="6"/>
  </si>
  <si>
    <t>県立二宮</t>
    <rPh sb="0" eb="2">
      <t>ケンリツ</t>
    </rPh>
    <rPh sb="2" eb="4">
      <t>ニノミヤ</t>
    </rPh>
    <phoneticPr fontId="6"/>
  </si>
  <si>
    <t>中途退学者募集</t>
    <rPh sb="0" eb="5">
      <t>チュウトタイガクシャ</t>
    </rPh>
    <rPh sb="5" eb="7">
      <t>ボシュウ</t>
    </rPh>
    <phoneticPr fontId="6"/>
  </si>
  <si>
    <t>県立横浜桜陽</t>
    <rPh sb="0" eb="2">
      <t>ケンリツ</t>
    </rPh>
    <rPh sb="2" eb="4">
      <t>ヨコハマ</t>
    </rPh>
    <rPh sb="4" eb="6">
      <t>オウヨウ</t>
    </rPh>
    <phoneticPr fontId="6"/>
  </si>
  <si>
    <t>単位制普通科</t>
    <rPh sb="0" eb="3">
      <t>タンイ</t>
    </rPh>
    <rPh sb="3" eb="5">
      <t>フツウ</t>
    </rPh>
    <rPh sb="5" eb="6">
      <t>カ</t>
    </rPh>
    <phoneticPr fontId="3"/>
  </si>
  <si>
    <t>県立厚木清南</t>
    <rPh sb="0" eb="2">
      <t>ケンリツ</t>
    </rPh>
    <rPh sb="2" eb="4">
      <t>アツギ</t>
    </rPh>
    <rPh sb="4" eb="6">
      <t>セイナン</t>
    </rPh>
    <phoneticPr fontId="6"/>
  </si>
  <si>
    <t>単位制普通科</t>
    <rPh sb="0" eb="3">
      <t>タンイセイ</t>
    </rPh>
    <rPh sb="3" eb="5">
      <t>フツウ</t>
    </rPh>
    <rPh sb="5" eb="6">
      <t>カ</t>
    </rPh>
    <phoneticPr fontId="3"/>
  </si>
  <si>
    <t>３　一般募集共通選抜志願締切時志願状況　（定時制の課程及び通信制の課程）</t>
    <rPh sb="2" eb="4">
      <t>イッパン</t>
    </rPh>
    <rPh sb="4" eb="6">
      <t>ボシュウ</t>
    </rPh>
    <rPh sb="6" eb="8">
      <t>キョウツウ</t>
    </rPh>
    <rPh sb="8" eb="10">
      <t>センバツ</t>
    </rPh>
    <rPh sb="10" eb="12">
      <t>シガン</t>
    </rPh>
    <rPh sb="12" eb="14">
      <t>シメキリ</t>
    </rPh>
    <rPh sb="14" eb="15">
      <t>ケイジ</t>
    </rPh>
    <rPh sb="15" eb="17">
      <t>シガン</t>
    </rPh>
    <rPh sb="17" eb="19">
      <t>ジョウキョウ</t>
    </rPh>
    <rPh sb="21" eb="24">
      <t>テイジセイ</t>
    </rPh>
    <rPh sb="25" eb="27">
      <t>カテイ</t>
    </rPh>
    <rPh sb="27" eb="28">
      <t>オヨ</t>
    </rPh>
    <rPh sb="29" eb="32">
      <t>ツウシンセイ</t>
    </rPh>
    <rPh sb="33" eb="35">
      <t>カテイ</t>
    </rPh>
    <phoneticPr fontId="3"/>
  </si>
  <si>
    <t>（定時制の課程）</t>
    <rPh sb="1" eb="4">
      <t>テイジセイ</t>
    </rPh>
    <rPh sb="5" eb="7">
      <t>カテイ</t>
    </rPh>
    <phoneticPr fontId="6"/>
  </si>
  <si>
    <t>普通科</t>
    <rPh sb="0" eb="2">
      <t>フツウ</t>
    </rPh>
    <rPh sb="2" eb="3">
      <t>カ</t>
    </rPh>
    <phoneticPr fontId="3"/>
  </si>
  <si>
    <t>募集</t>
    <rPh sb="0" eb="2">
      <t>ボシュウ</t>
    </rPh>
    <phoneticPr fontId="3"/>
  </si>
  <si>
    <t>共通選抜</t>
    <rPh sb="0" eb="2">
      <t>キョウツウ</t>
    </rPh>
    <rPh sb="2" eb="4">
      <t>センバツ</t>
    </rPh>
    <phoneticPr fontId="3"/>
  </si>
  <si>
    <t xml:space="preserve"> 学科 ・部名</t>
    <rPh sb="1" eb="2">
      <t>ガク</t>
    </rPh>
    <rPh sb="2" eb="3">
      <t>カ</t>
    </rPh>
    <rPh sb="5" eb="6">
      <t>ブ</t>
    </rPh>
    <rPh sb="6" eb="7">
      <t>ナ</t>
    </rPh>
    <phoneticPr fontId="13"/>
  </si>
  <si>
    <t>定員</t>
    <rPh sb="0" eb="2">
      <t>テイイン</t>
    </rPh>
    <phoneticPr fontId="3"/>
  </si>
  <si>
    <t>募集人員</t>
    <rPh sb="0" eb="2">
      <t>ボシュウ</t>
    </rPh>
    <rPh sb="2" eb="4">
      <t>ジンイン</t>
    </rPh>
    <phoneticPr fontId="3"/>
  </si>
  <si>
    <t>県立希望ケ丘</t>
    <rPh sb="0" eb="2">
      <t>ケンリツ</t>
    </rPh>
    <rPh sb="2" eb="6">
      <t>キボウガオカ</t>
    </rPh>
    <phoneticPr fontId="3"/>
  </si>
  <si>
    <t>横浜市立戸塚</t>
    <rPh sb="0" eb="4">
      <t>ヨコハマシリツ</t>
    </rPh>
    <rPh sb="4" eb="6">
      <t>トヅカ</t>
    </rPh>
    <phoneticPr fontId="3"/>
  </si>
  <si>
    <t>川崎市立川崎</t>
    <rPh sb="0" eb="4">
      <t>カワサキシリツ</t>
    </rPh>
    <rPh sb="4" eb="6">
      <t>カワサキ</t>
    </rPh>
    <phoneticPr fontId="3"/>
  </si>
  <si>
    <t>普通科昼間部</t>
    <rPh sb="0" eb="2">
      <t>フツウ</t>
    </rPh>
    <rPh sb="2" eb="3">
      <t>カ</t>
    </rPh>
    <rPh sb="3" eb="5">
      <t>チュウカン</t>
    </rPh>
    <rPh sb="5" eb="6">
      <t>ブ</t>
    </rPh>
    <phoneticPr fontId="6"/>
  </si>
  <si>
    <t>川崎市立橘</t>
    <rPh sb="0" eb="4">
      <t>カワサキシリツ</t>
    </rPh>
    <rPh sb="4" eb="5">
      <t>タチバナ</t>
    </rPh>
    <phoneticPr fontId="3"/>
  </si>
  <si>
    <t>川崎市立高津</t>
    <rPh sb="0" eb="4">
      <t>カワサキシリツ</t>
    </rPh>
    <rPh sb="4" eb="6">
      <t>タカツ</t>
    </rPh>
    <phoneticPr fontId="3"/>
  </si>
  <si>
    <t>専門学科（工業に関する学科）</t>
    <rPh sb="5" eb="7">
      <t>コウギョウ</t>
    </rPh>
    <rPh sb="8" eb="9">
      <t>カン</t>
    </rPh>
    <rPh sb="11" eb="13">
      <t>ガッカ</t>
    </rPh>
    <phoneticPr fontId="3"/>
  </si>
  <si>
    <t xml:space="preserve"> 学 科 名</t>
    <rPh sb="1" eb="2">
      <t>ガク</t>
    </rPh>
    <rPh sb="3" eb="4">
      <t>カ</t>
    </rPh>
    <rPh sb="5" eb="6">
      <t>ナ</t>
    </rPh>
    <phoneticPr fontId="3"/>
  </si>
  <si>
    <t>県立小田原北</t>
    <rPh sb="0" eb="2">
      <t>ケンリツ</t>
    </rPh>
    <rPh sb="2" eb="5">
      <t>オダワラ</t>
    </rPh>
    <rPh sb="5" eb="6">
      <t>キタ</t>
    </rPh>
    <phoneticPr fontId="6"/>
  </si>
  <si>
    <t>機械科・電気科</t>
    <rPh sb="0" eb="2">
      <t>キカイ</t>
    </rPh>
    <rPh sb="2" eb="3">
      <t>カ</t>
    </rPh>
    <rPh sb="4" eb="6">
      <t>デンキ</t>
    </rPh>
    <rPh sb="6" eb="7">
      <t>カ</t>
    </rPh>
    <phoneticPr fontId="6"/>
  </si>
  <si>
    <t>川崎市立川崎総合科学</t>
    <rPh sb="0" eb="4">
      <t>カワサキシリツ</t>
    </rPh>
    <rPh sb="4" eb="6">
      <t>カワサキ</t>
    </rPh>
    <rPh sb="6" eb="8">
      <t>ソウゴウ</t>
    </rPh>
    <rPh sb="8" eb="10">
      <t>カガク</t>
    </rPh>
    <phoneticPr fontId="6"/>
  </si>
  <si>
    <t>クリエイト工学科</t>
    <rPh sb="5" eb="8">
      <t>コウガッカ</t>
    </rPh>
    <phoneticPr fontId="6"/>
  </si>
  <si>
    <t>※　県立小田原北高等学校の前年度競争率は、県立小田原城北工業高等学校の前年度競争率です。</t>
    <rPh sb="2" eb="4">
      <t>ケンリツ</t>
    </rPh>
    <rPh sb="4" eb="7">
      <t>オダワラ</t>
    </rPh>
    <rPh sb="7" eb="8">
      <t>キタ</t>
    </rPh>
    <rPh sb="8" eb="10">
      <t>コウトウ</t>
    </rPh>
    <rPh sb="10" eb="12">
      <t>ガッコウ</t>
    </rPh>
    <rPh sb="13" eb="19">
      <t>ゼンネンドキョウソウリツ</t>
    </rPh>
    <rPh sb="21" eb="23">
      <t>ケンリツ</t>
    </rPh>
    <rPh sb="23" eb="26">
      <t>オダワラ</t>
    </rPh>
    <rPh sb="26" eb="28">
      <t>ジョウホク</t>
    </rPh>
    <rPh sb="28" eb="30">
      <t>コウギョウ</t>
    </rPh>
    <rPh sb="30" eb="34">
      <t>コウトウガッコウ</t>
    </rPh>
    <rPh sb="35" eb="41">
      <t>ゼンネンドキョウソウリツ</t>
    </rPh>
    <phoneticPr fontId="6"/>
  </si>
  <si>
    <t>専門学科（商業に関する学科）</t>
    <rPh sb="5" eb="7">
      <t>ショウギョウ</t>
    </rPh>
    <rPh sb="8" eb="9">
      <t>カン</t>
    </rPh>
    <rPh sb="11" eb="13">
      <t>ガッカ</t>
    </rPh>
    <phoneticPr fontId="3"/>
  </si>
  <si>
    <t>商業科</t>
    <rPh sb="0" eb="2">
      <t>ショウギョウ</t>
    </rPh>
    <rPh sb="2" eb="3">
      <t>カ</t>
    </rPh>
    <phoneticPr fontId="6"/>
  </si>
  <si>
    <t>単位制　普通科</t>
    <rPh sb="0" eb="3">
      <t>タンイセイ</t>
    </rPh>
    <rPh sb="4" eb="7">
      <t>フツウカ</t>
    </rPh>
    <phoneticPr fontId="3"/>
  </si>
  <si>
    <t>県立神奈川工業</t>
    <rPh sb="0" eb="2">
      <t>ケンリツ</t>
    </rPh>
    <rPh sb="2" eb="5">
      <t>カナガワ</t>
    </rPh>
    <rPh sb="5" eb="7">
      <t>コウギョウ</t>
    </rPh>
    <phoneticPr fontId="6"/>
  </si>
  <si>
    <t>普通科</t>
    <rPh sb="0" eb="3">
      <t>フツウカ</t>
    </rPh>
    <phoneticPr fontId="6"/>
  </si>
  <si>
    <t>普通科午前部</t>
    <rPh sb="0" eb="2">
      <t>フツウ</t>
    </rPh>
    <rPh sb="2" eb="3">
      <t>カ</t>
    </rPh>
    <rPh sb="3" eb="6">
      <t>ゴゼンブ</t>
    </rPh>
    <phoneticPr fontId="3"/>
  </si>
  <si>
    <t>普通科午後部</t>
    <rPh sb="0" eb="2">
      <t>フツウ</t>
    </rPh>
    <rPh sb="2" eb="3">
      <t>カ</t>
    </rPh>
    <rPh sb="3" eb="6">
      <t>ゴゴブ</t>
    </rPh>
    <phoneticPr fontId="3"/>
  </si>
  <si>
    <t>県立川崎</t>
    <rPh sb="0" eb="2">
      <t>ケンリツ</t>
    </rPh>
    <rPh sb="2" eb="4">
      <t>カワサキ</t>
    </rPh>
    <phoneticPr fontId="3"/>
  </si>
  <si>
    <t>県立小田原</t>
    <rPh sb="0" eb="2">
      <t>ケンリツ</t>
    </rPh>
    <rPh sb="2" eb="5">
      <t>オダワラ</t>
    </rPh>
    <phoneticPr fontId="6"/>
  </si>
  <si>
    <t>県立神奈川総合産業</t>
    <phoneticPr fontId="6"/>
  </si>
  <si>
    <t>単位制　総合学科</t>
    <rPh sb="0" eb="3">
      <t>タンイセイ</t>
    </rPh>
    <rPh sb="4" eb="6">
      <t>ソウゴウ</t>
    </rPh>
    <rPh sb="6" eb="8">
      <t>ガッカ</t>
    </rPh>
    <phoneticPr fontId="3"/>
  </si>
  <si>
    <t>1月30日志願者数</t>
  </si>
  <si>
    <t>横浜市立横浜総合</t>
    <rPh sb="0" eb="2">
      <t>ヨコハマ</t>
    </rPh>
    <rPh sb="2" eb="4">
      <t>イチリツ</t>
    </rPh>
    <rPh sb="4" eb="6">
      <t>ヨコハマ</t>
    </rPh>
    <rPh sb="6" eb="8">
      <t>ソウゴウ</t>
    </rPh>
    <phoneticPr fontId="3"/>
  </si>
  <si>
    <t>総合学科Ⅰ部</t>
    <rPh sb="0" eb="2">
      <t>ソウゴウ</t>
    </rPh>
    <rPh sb="2" eb="4">
      <t>ガッカ</t>
    </rPh>
    <rPh sb="5" eb="6">
      <t>ブ</t>
    </rPh>
    <phoneticPr fontId="3"/>
  </si>
  <si>
    <t>総合学科Ⅱ部</t>
    <rPh sb="0" eb="2">
      <t>ソウゴウ</t>
    </rPh>
    <rPh sb="2" eb="4">
      <t>ガッカ</t>
    </rPh>
    <rPh sb="5" eb="6">
      <t>ブ</t>
    </rPh>
    <phoneticPr fontId="3"/>
  </si>
  <si>
    <t>総合学科Ⅲ部</t>
    <rPh sb="0" eb="2">
      <t>ソウゴウ</t>
    </rPh>
    <rPh sb="2" eb="4">
      <t>ガッカ</t>
    </rPh>
    <phoneticPr fontId="3"/>
  </si>
  <si>
    <t>横須賀市立横須賀総合</t>
    <rPh sb="0" eb="5">
      <t>ヨコスカシリツ</t>
    </rPh>
    <rPh sb="5" eb="8">
      <t>ヨコスカ</t>
    </rPh>
    <rPh sb="8" eb="10">
      <t>ソウゴウ</t>
    </rPh>
    <phoneticPr fontId="6"/>
  </si>
  <si>
    <t>総合学科</t>
    <rPh sb="0" eb="2">
      <t>ソウゴウ</t>
    </rPh>
    <rPh sb="2" eb="4">
      <t>ガッカ</t>
    </rPh>
    <phoneticPr fontId="6"/>
  </si>
  <si>
    <t>－</t>
    <phoneticPr fontId="6"/>
  </si>
  <si>
    <t>単位制　専門学科（工業に関する学科）</t>
    <rPh sb="0" eb="3">
      <t>タンイセイ</t>
    </rPh>
    <rPh sb="9" eb="11">
      <t>コウギョウ</t>
    </rPh>
    <rPh sb="12" eb="13">
      <t>カン</t>
    </rPh>
    <rPh sb="15" eb="17">
      <t>ガッカ</t>
    </rPh>
    <phoneticPr fontId="3"/>
  </si>
  <si>
    <t>県立神奈川工業</t>
    <rPh sb="0" eb="2">
      <t>ケンリツ</t>
    </rPh>
    <rPh sb="2" eb="5">
      <t>カナガワ</t>
    </rPh>
    <rPh sb="5" eb="7">
      <t>コウギョウ</t>
    </rPh>
    <phoneticPr fontId="3"/>
  </si>
  <si>
    <t>※　県立神奈川工業高等学校（単位制機械科、単位制電気科及び単位制建設科）の前年度競争率は、同校（機械科、電気科及び建設科）の前年
　度競争率です。</t>
    <rPh sb="2" eb="4">
      <t>ケンリツ</t>
    </rPh>
    <rPh sb="4" eb="7">
      <t>カナガワ</t>
    </rPh>
    <rPh sb="7" eb="9">
      <t>コウギョウ</t>
    </rPh>
    <rPh sb="9" eb="11">
      <t>コウトウ</t>
    </rPh>
    <rPh sb="11" eb="13">
      <t>ガッコウ</t>
    </rPh>
    <rPh sb="14" eb="17">
      <t>タンイセイ</t>
    </rPh>
    <rPh sb="17" eb="19">
      <t>キカイ</t>
    </rPh>
    <rPh sb="19" eb="20">
      <t>カ</t>
    </rPh>
    <rPh sb="21" eb="24">
      <t>タンイセイ</t>
    </rPh>
    <rPh sb="24" eb="26">
      <t>デンキ</t>
    </rPh>
    <rPh sb="26" eb="27">
      <t>カ</t>
    </rPh>
    <rPh sb="27" eb="28">
      <t>オヨ</t>
    </rPh>
    <rPh sb="29" eb="32">
      <t>タンイセイ</t>
    </rPh>
    <rPh sb="32" eb="34">
      <t>ケンセツ</t>
    </rPh>
    <rPh sb="34" eb="35">
      <t>カ</t>
    </rPh>
    <rPh sb="37" eb="40">
      <t>ゼンネンド</t>
    </rPh>
    <rPh sb="40" eb="43">
      <t>キョウソウリツ</t>
    </rPh>
    <rPh sb="45" eb="47">
      <t>ドウコウ</t>
    </rPh>
    <rPh sb="48" eb="50">
      <t>キカイ</t>
    </rPh>
    <rPh sb="50" eb="51">
      <t>カ</t>
    </rPh>
    <rPh sb="52" eb="54">
      <t>デンキ</t>
    </rPh>
    <rPh sb="54" eb="55">
      <t>カ</t>
    </rPh>
    <rPh sb="55" eb="56">
      <t>オヨ</t>
    </rPh>
    <rPh sb="57" eb="59">
      <t>ケンセツ</t>
    </rPh>
    <rPh sb="59" eb="60">
      <t>カ</t>
    </rPh>
    <rPh sb="62" eb="64">
      <t>ゼンネン</t>
    </rPh>
    <rPh sb="66" eb="67">
      <t>ド</t>
    </rPh>
    <rPh sb="67" eb="70">
      <t>キョウソウリツ</t>
    </rPh>
    <phoneticPr fontId="6"/>
  </si>
  <si>
    <t>（通信制の課程）</t>
    <rPh sb="1" eb="3">
      <t>ツウシン</t>
    </rPh>
    <rPh sb="3" eb="4">
      <t>セイ</t>
    </rPh>
    <rPh sb="5" eb="7">
      <t>カテイ</t>
    </rPh>
    <phoneticPr fontId="6"/>
  </si>
  <si>
    <t>単位制　普通科</t>
    <rPh sb="0" eb="3">
      <t>タンイセイ</t>
    </rPh>
    <rPh sb="4" eb="6">
      <t>フツウ</t>
    </rPh>
    <rPh sb="6" eb="7">
      <t>カ</t>
    </rPh>
    <phoneticPr fontId="3"/>
  </si>
  <si>
    <t>県立横浜修悠館</t>
    <rPh sb="0" eb="2">
      <t>ケンリツ</t>
    </rPh>
    <rPh sb="2" eb="4">
      <t>ヨコハマ</t>
    </rPh>
    <rPh sb="4" eb="5">
      <t>シュウ</t>
    </rPh>
    <rPh sb="5" eb="6">
      <t>ユウ</t>
    </rPh>
    <rPh sb="6" eb="7">
      <t>カン</t>
    </rPh>
    <phoneticPr fontId="6"/>
  </si>
  <si>
    <t>県立厚木清南</t>
    <rPh sb="0" eb="2">
      <t>ケンリツ</t>
    </rPh>
    <rPh sb="2" eb="4">
      <t>アツギ</t>
    </rPh>
    <rPh sb="4" eb="5">
      <t>シン</t>
    </rPh>
    <rPh sb="5" eb="6">
      <t>ミナミ</t>
    </rPh>
    <phoneticPr fontId="3"/>
  </si>
  <si>
    <t>普通科個性化コース</t>
    <rPh sb="0" eb="3">
      <t>フツウカ</t>
    </rPh>
    <rPh sb="3" eb="6">
      <t>コセイカ</t>
    </rPh>
    <phoneticPr fontId="3"/>
  </si>
  <si>
    <t>普通科国際文化コース</t>
    <rPh sb="0" eb="3">
      <t>フツウカ</t>
    </rPh>
    <rPh sb="3" eb="5">
      <t>コクサイ</t>
    </rPh>
    <rPh sb="5" eb="7">
      <t>ブンカ</t>
    </rPh>
    <phoneticPr fontId="3"/>
  </si>
  <si>
    <t>　　計</t>
    <rPh sb="2" eb="3">
      <t>ケイ</t>
    </rPh>
    <phoneticPr fontId="3"/>
  </si>
  <si>
    <t>県立横浜緑園</t>
    <rPh sb="0" eb="2">
      <t>ケンリツ</t>
    </rPh>
    <rPh sb="2" eb="4">
      <t>ヨコハマ</t>
    </rPh>
    <rPh sb="4" eb="6">
      <t>リョクエン</t>
    </rPh>
    <phoneticPr fontId="3"/>
  </si>
  <si>
    <t>普通科</t>
    <rPh sb="0" eb="3">
      <t>フツウカ</t>
    </rPh>
    <phoneticPr fontId="3"/>
  </si>
  <si>
    <t>県立横浜桜陽</t>
    <rPh sb="0" eb="2">
      <t>ケンリツ</t>
    </rPh>
    <rPh sb="2" eb="4">
      <t>ヨコハマ</t>
    </rPh>
    <rPh sb="4" eb="5">
      <t>オウ</t>
    </rPh>
    <rPh sb="5" eb="6">
      <t>ヨウ</t>
    </rPh>
    <phoneticPr fontId="3"/>
  </si>
  <si>
    <t>県立横浜清陵</t>
    <rPh sb="0" eb="2">
      <t>ケンリツ</t>
    </rPh>
    <rPh sb="2" eb="4">
      <t>ヨコハマ</t>
    </rPh>
    <rPh sb="4" eb="6">
      <t>セイリョウ</t>
    </rPh>
    <phoneticPr fontId="3"/>
  </si>
  <si>
    <t>県立横浜栄</t>
    <rPh sb="0" eb="2">
      <t>ケンリツ</t>
    </rPh>
    <rPh sb="2" eb="4">
      <t>ヨコハマ</t>
    </rPh>
    <rPh sb="4" eb="5">
      <t>サカエ</t>
    </rPh>
    <phoneticPr fontId="6"/>
  </si>
  <si>
    <t>県立大師</t>
    <rPh sb="0" eb="2">
      <t>ケンリツ</t>
    </rPh>
    <rPh sb="2" eb="4">
      <t>ダイシ</t>
    </rPh>
    <phoneticPr fontId="3"/>
  </si>
  <si>
    <t>県立三浦初声</t>
    <rPh sb="0" eb="2">
      <t>ケンリツ</t>
    </rPh>
    <rPh sb="2" eb="4">
      <t>ミウラ</t>
    </rPh>
    <rPh sb="4" eb="5">
      <t>ハツ</t>
    </rPh>
    <rPh sb="5" eb="6">
      <t>コエ</t>
    </rPh>
    <phoneticPr fontId="3"/>
  </si>
  <si>
    <t>県立藤沢清流</t>
    <rPh sb="0" eb="2">
      <t>ケンリツ</t>
    </rPh>
    <rPh sb="2" eb="4">
      <t>フジサワ</t>
    </rPh>
    <rPh sb="4" eb="6">
      <t>セイリュウ</t>
    </rPh>
    <phoneticPr fontId="3"/>
  </si>
  <si>
    <t>県立平塚湘風</t>
    <rPh sb="0" eb="2">
      <t>ケンリツ</t>
    </rPh>
    <rPh sb="2" eb="4">
      <t>ヒラツカ</t>
    </rPh>
    <rPh sb="4" eb="5">
      <t>ショウ</t>
    </rPh>
    <rPh sb="5" eb="6">
      <t>フウ</t>
    </rPh>
    <phoneticPr fontId="3"/>
  </si>
  <si>
    <t>県立小田原</t>
    <rPh sb="0" eb="2">
      <t>ケンリツ</t>
    </rPh>
    <rPh sb="2" eb="5">
      <t>オダワラ</t>
    </rPh>
    <phoneticPr fontId="3"/>
  </si>
  <si>
    <t>県立厚木清南</t>
    <rPh sb="0" eb="2">
      <t>ケンリツ</t>
    </rPh>
    <rPh sb="2" eb="4">
      <t>アツギ</t>
    </rPh>
    <rPh sb="4" eb="6">
      <t>セイナン</t>
    </rPh>
    <phoneticPr fontId="3"/>
  </si>
  <si>
    <t>県立相模原城山</t>
    <rPh sb="0" eb="2">
      <t>ケンリツ</t>
    </rPh>
    <rPh sb="2" eb="5">
      <t>サガミハラ</t>
    </rPh>
    <rPh sb="5" eb="7">
      <t>シロヤマ</t>
    </rPh>
    <phoneticPr fontId="3"/>
  </si>
  <si>
    <t>県立相模原弥栄</t>
    <rPh sb="0" eb="2">
      <t>ケンリツ</t>
    </rPh>
    <rPh sb="2" eb="5">
      <t>サガミハラ</t>
    </rPh>
    <rPh sb="5" eb="6">
      <t>ヤ</t>
    </rPh>
    <rPh sb="6" eb="7">
      <t>サカ</t>
    </rPh>
    <phoneticPr fontId="3"/>
  </si>
  <si>
    <t>横浜市立戸塚</t>
    <rPh sb="0" eb="4">
      <t>ヨコハマシリツ</t>
    </rPh>
    <rPh sb="4" eb="6">
      <t>トツカ</t>
    </rPh>
    <phoneticPr fontId="3"/>
  </si>
  <si>
    <t>普通科一般コース</t>
    <rPh sb="0" eb="3">
      <t>フツウカ</t>
    </rPh>
    <rPh sb="3" eb="5">
      <t>イッパン</t>
    </rPh>
    <phoneticPr fontId="3"/>
  </si>
  <si>
    <t>単位制　普通科専門コース</t>
    <rPh sb="0" eb="3">
      <t>タンイセイ</t>
    </rPh>
    <rPh sb="4" eb="7">
      <t>フツウカ</t>
    </rPh>
    <rPh sb="7" eb="9">
      <t>センモン</t>
    </rPh>
    <phoneticPr fontId="3"/>
  </si>
  <si>
    <t>普通科音楽コース</t>
    <rPh sb="0" eb="3">
      <t>フツウカ</t>
    </rPh>
    <rPh sb="3" eb="5">
      <t>オンガク</t>
    </rPh>
    <phoneticPr fontId="3"/>
  </si>
  <si>
    <t>単位制　総合学科（クリエイティブスクールを除く。）</t>
    <rPh sb="0" eb="3">
      <t>タンイセイ</t>
    </rPh>
    <rPh sb="4" eb="6">
      <t>ソウゴウ</t>
    </rPh>
    <rPh sb="6" eb="8">
      <t>ガッカ</t>
    </rPh>
    <rPh sb="21" eb="22">
      <t>ノゾ</t>
    </rPh>
    <phoneticPr fontId="3"/>
  </si>
  <si>
    <t>計</t>
    <rPh sb="0" eb="1">
      <t>ケイ</t>
    </rPh>
    <phoneticPr fontId="6"/>
  </si>
  <si>
    <t>県立鶴見総合</t>
    <rPh sb="0" eb="2">
      <t>ケンリツ</t>
    </rPh>
    <rPh sb="2" eb="4">
      <t>ツルミ</t>
    </rPh>
    <rPh sb="4" eb="6">
      <t>ソウゴウ</t>
    </rPh>
    <phoneticPr fontId="3"/>
  </si>
  <si>
    <t>総合学科</t>
    <rPh sb="0" eb="2">
      <t>ソウゴウ</t>
    </rPh>
    <rPh sb="2" eb="4">
      <t>ガッカ</t>
    </rPh>
    <phoneticPr fontId="3"/>
  </si>
  <si>
    <t>県立金沢総合</t>
    <rPh sb="0" eb="2">
      <t>ケンリツ</t>
    </rPh>
    <rPh sb="2" eb="4">
      <t>カナザワ</t>
    </rPh>
    <rPh sb="4" eb="6">
      <t>ソウゴウ</t>
    </rPh>
    <phoneticPr fontId="3"/>
  </si>
  <si>
    <t>県立藤沢総合</t>
    <rPh sb="0" eb="2">
      <t>ケンリツ</t>
    </rPh>
    <rPh sb="2" eb="4">
      <t>フジサワ</t>
    </rPh>
    <rPh sb="4" eb="6">
      <t>ソウゴウ</t>
    </rPh>
    <phoneticPr fontId="3"/>
  </si>
  <si>
    <t>県立秦野総合</t>
    <rPh sb="0" eb="2">
      <t>ケンリツ</t>
    </rPh>
    <rPh sb="2" eb="4">
      <t>ハダノ</t>
    </rPh>
    <rPh sb="4" eb="6">
      <t>ソウゴウ</t>
    </rPh>
    <phoneticPr fontId="6"/>
  </si>
  <si>
    <t>横浜市立みなと総合</t>
    <rPh sb="0" eb="4">
      <t>ヨコハマイチリツ</t>
    </rPh>
    <rPh sb="7" eb="9">
      <t>ソウゴウ</t>
    </rPh>
    <phoneticPr fontId="3"/>
  </si>
  <si>
    <t>横須賀市立横須賀総合</t>
    <rPh sb="0" eb="5">
      <t>ヨコスカシリツ</t>
    </rPh>
    <rPh sb="5" eb="8">
      <t>ヨコスカ</t>
    </rPh>
    <rPh sb="8" eb="10">
      <t>ソウゴウ</t>
    </rPh>
    <phoneticPr fontId="3"/>
  </si>
  <si>
    <t>単位制　総合学科　クリエイティブスクール</t>
    <rPh sb="0" eb="3">
      <t>タンイセイ</t>
    </rPh>
    <rPh sb="4" eb="6">
      <t>ソウゴウ</t>
    </rPh>
    <rPh sb="6" eb="8">
      <t>ガッカ</t>
    </rPh>
    <phoneticPr fontId="3"/>
  </si>
  <si>
    <t>県立青葉総合</t>
    <rPh sb="0" eb="2">
      <t>ケンリツ</t>
    </rPh>
    <rPh sb="2" eb="4">
      <t>アオバ</t>
    </rPh>
    <rPh sb="4" eb="6">
      <t>ソウゴウ</t>
    </rPh>
    <phoneticPr fontId="3"/>
  </si>
  <si>
    <t>単位制　専門学科（農業に関する学科）</t>
    <rPh sb="9" eb="11">
      <t>ノウギョウ</t>
    </rPh>
    <rPh sb="12" eb="13">
      <t>カン</t>
    </rPh>
    <rPh sb="15" eb="17">
      <t>ガッカ</t>
    </rPh>
    <phoneticPr fontId="6"/>
  </si>
  <si>
    <t>都市農業科</t>
    <rPh sb="0" eb="2">
      <t>トシ</t>
    </rPh>
    <rPh sb="2" eb="4">
      <t>ノウギョウ</t>
    </rPh>
    <rPh sb="4" eb="5">
      <t>カ</t>
    </rPh>
    <phoneticPr fontId="3"/>
  </si>
  <si>
    <t>県立吉田島</t>
    <rPh sb="0" eb="2">
      <t>ケンリツ</t>
    </rPh>
    <rPh sb="2" eb="5">
      <t>ヨシダジマ</t>
    </rPh>
    <phoneticPr fontId="6"/>
  </si>
  <si>
    <t>食品加工科</t>
    <rPh sb="0" eb="2">
      <t>ショクヒン</t>
    </rPh>
    <rPh sb="2" eb="4">
      <t>カコウ</t>
    </rPh>
    <rPh sb="4" eb="5">
      <t>カ</t>
    </rPh>
    <phoneticPr fontId="3"/>
  </si>
  <si>
    <t>環境緑地科</t>
    <rPh sb="0" eb="2">
      <t>カンキョウ</t>
    </rPh>
    <rPh sb="2" eb="4">
      <t>リョクチ</t>
    </rPh>
    <rPh sb="4" eb="5">
      <t>カ</t>
    </rPh>
    <phoneticPr fontId="3"/>
  </si>
  <si>
    <t>単位制　専門学科（家庭に関する学科）</t>
    <rPh sb="9" eb="11">
      <t>カテイ</t>
    </rPh>
    <rPh sb="12" eb="13">
      <t>カン</t>
    </rPh>
    <rPh sb="15" eb="17">
      <t>ガッカ</t>
    </rPh>
    <phoneticPr fontId="6"/>
  </si>
  <si>
    <t>生活科学科</t>
    <rPh sb="0" eb="2">
      <t>セイカツ</t>
    </rPh>
    <rPh sb="2" eb="4">
      <t>カガク</t>
    </rPh>
    <rPh sb="4" eb="5">
      <t>カ</t>
    </rPh>
    <phoneticPr fontId="3"/>
  </si>
  <si>
    <t>単位制　専門学科（理数に関する学科）</t>
    <rPh sb="9" eb="11">
      <t>リスウ</t>
    </rPh>
    <rPh sb="12" eb="13">
      <t>カン</t>
    </rPh>
    <rPh sb="15" eb="17">
      <t>ガッカ</t>
    </rPh>
    <phoneticPr fontId="6"/>
  </si>
  <si>
    <t>横浜市立横浜ｻｲｴﾝｽﾌﾛﾝﾃｨｱ</t>
    <rPh sb="0" eb="3">
      <t>ヨコハマシ</t>
    </rPh>
    <rPh sb="3" eb="4">
      <t>リツ</t>
    </rPh>
    <rPh sb="4" eb="6">
      <t>ヨコハマ</t>
    </rPh>
    <phoneticPr fontId="6"/>
  </si>
  <si>
    <t>理数科</t>
    <rPh sb="0" eb="3">
      <t>リスウカ</t>
    </rPh>
    <phoneticPr fontId="6"/>
  </si>
  <si>
    <t>単位制　専門学科（体育に関する学科）</t>
    <rPh sb="9" eb="11">
      <t>タイイク</t>
    </rPh>
    <rPh sb="12" eb="13">
      <t>カン</t>
    </rPh>
    <rPh sb="15" eb="17">
      <t>ガッカ</t>
    </rPh>
    <phoneticPr fontId="6"/>
  </si>
  <si>
    <t>スポーツ科学科</t>
    <rPh sb="4" eb="6">
      <t>カガク</t>
    </rPh>
    <rPh sb="6" eb="7">
      <t>カ</t>
    </rPh>
    <phoneticPr fontId="6"/>
  </si>
  <si>
    <t>単位制　専門学科（音楽に関する学科）</t>
    <rPh sb="9" eb="11">
      <t>オンガク</t>
    </rPh>
    <rPh sb="12" eb="13">
      <t>カン</t>
    </rPh>
    <rPh sb="15" eb="17">
      <t>ガッカ</t>
    </rPh>
    <phoneticPr fontId="6"/>
  </si>
  <si>
    <t>音楽科</t>
    <rPh sb="0" eb="2">
      <t>オンガク</t>
    </rPh>
    <rPh sb="2" eb="3">
      <t>カ</t>
    </rPh>
    <phoneticPr fontId="6"/>
  </si>
  <si>
    <t>単位制　専門学科（美術に関する学科）</t>
    <rPh sb="9" eb="11">
      <t>ビジュツ</t>
    </rPh>
    <rPh sb="12" eb="13">
      <t>カン</t>
    </rPh>
    <rPh sb="15" eb="17">
      <t>ガッカ</t>
    </rPh>
    <phoneticPr fontId="6"/>
  </si>
  <si>
    <t>美術科</t>
    <rPh sb="0" eb="2">
      <t>ビジュツ</t>
    </rPh>
    <rPh sb="2" eb="3">
      <t>カ</t>
    </rPh>
    <phoneticPr fontId="6"/>
  </si>
  <si>
    <t>単位制　専門学科（国際関係に関する学科）</t>
    <rPh sb="9" eb="11">
      <t>コクサイ</t>
    </rPh>
    <rPh sb="11" eb="13">
      <t>カンケイ</t>
    </rPh>
    <rPh sb="14" eb="15">
      <t>カン</t>
    </rPh>
    <rPh sb="17" eb="19">
      <t>ガッカ</t>
    </rPh>
    <phoneticPr fontId="6"/>
  </si>
  <si>
    <t xml:space="preserve"> 学科・コース名</t>
    <rPh sb="1" eb="3">
      <t>ガッカ</t>
    </rPh>
    <rPh sb="7" eb="8">
      <t>メイ</t>
    </rPh>
    <phoneticPr fontId="3"/>
  </si>
  <si>
    <t>県立横浜国際</t>
    <rPh sb="0" eb="2">
      <t>ケンリツ</t>
    </rPh>
    <rPh sb="2" eb="4">
      <t>ヨコハマ</t>
    </rPh>
    <rPh sb="4" eb="6">
      <t>コクサイ</t>
    </rPh>
    <phoneticPr fontId="6"/>
  </si>
  <si>
    <t>国際科</t>
    <rPh sb="0" eb="2">
      <t>コクサイ</t>
    </rPh>
    <rPh sb="2" eb="3">
      <t>カ</t>
    </rPh>
    <phoneticPr fontId="6"/>
  </si>
  <si>
    <t>国際科国際バカロレア
コース</t>
    <rPh sb="0" eb="2">
      <t>コクサイ</t>
    </rPh>
    <rPh sb="2" eb="3">
      <t>カ</t>
    </rPh>
    <rPh sb="3" eb="5">
      <t>コクサイ</t>
    </rPh>
    <phoneticPr fontId="6"/>
  </si>
  <si>
    <t>※　県立横浜国際高等学校の国際科は、国際科国際バカロレアコースを除く国際科です。</t>
    <rPh sb="2" eb="4">
      <t>ケンリツ</t>
    </rPh>
    <rPh sb="4" eb="6">
      <t>ヨコハマ</t>
    </rPh>
    <rPh sb="6" eb="8">
      <t>コクサイ</t>
    </rPh>
    <rPh sb="8" eb="10">
      <t>コウトウ</t>
    </rPh>
    <rPh sb="10" eb="12">
      <t>ガッコウ</t>
    </rPh>
    <rPh sb="13" eb="15">
      <t>コクサイ</t>
    </rPh>
    <rPh sb="15" eb="16">
      <t>カ</t>
    </rPh>
    <rPh sb="18" eb="20">
      <t>コクサイ</t>
    </rPh>
    <rPh sb="20" eb="21">
      <t>カ</t>
    </rPh>
    <rPh sb="21" eb="23">
      <t>コクサイ</t>
    </rPh>
    <rPh sb="32" eb="33">
      <t>ノゾ</t>
    </rPh>
    <rPh sb="34" eb="36">
      <t>コクサイ</t>
    </rPh>
    <rPh sb="36" eb="37">
      <t>カ</t>
    </rPh>
    <phoneticPr fontId="6"/>
  </si>
  <si>
    <t>単位制　専門学科（総合産業に関する学科）</t>
    <rPh sb="9" eb="11">
      <t>ソウゴウ</t>
    </rPh>
    <rPh sb="11" eb="13">
      <t>サンギョウ</t>
    </rPh>
    <rPh sb="14" eb="15">
      <t>カン</t>
    </rPh>
    <rPh sb="17" eb="19">
      <t>ガッカ</t>
    </rPh>
    <phoneticPr fontId="6"/>
  </si>
  <si>
    <t>県立神奈川総合産業</t>
    <rPh sb="0" eb="2">
      <t>ケンリツ</t>
    </rPh>
    <rPh sb="2" eb="5">
      <t>カナガワ</t>
    </rPh>
    <rPh sb="5" eb="7">
      <t>ソウゴウ</t>
    </rPh>
    <rPh sb="7" eb="9">
      <t>サンギョウ</t>
    </rPh>
    <phoneticPr fontId="3"/>
  </si>
  <si>
    <t>総合産業科</t>
    <rPh sb="0" eb="2">
      <t>ソウゴウ</t>
    </rPh>
    <rPh sb="2" eb="4">
      <t>サンギョウ</t>
    </rPh>
    <rPh sb="4" eb="5">
      <t>カ</t>
    </rPh>
    <phoneticPr fontId="3"/>
  </si>
  <si>
    <t>単位制　専門学科（舞台芸術に関する学科）</t>
    <rPh sb="9" eb="11">
      <t>ブタイ</t>
    </rPh>
    <rPh sb="11" eb="13">
      <t>ゲイジュツ</t>
    </rPh>
    <rPh sb="14" eb="15">
      <t>カン</t>
    </rPh>
    <rPh sb="17" eb="19">
      <t>ガッカ</t>
    </rPh>
    <phoneticPr fontId="6"/>
  </si>
  <si>
    <t>舞台芸術科</t>
    <rPh sb="0" eb="2">
      <t>ブタイ</t>
    </rPh>
    <rPh sb="2" eb="4">
      <t>ゲイジュツ</t>
    </rPh>
    <rPh sb="4" eb="5">
      <t>カ</t>
    </rPh>
    <phoneticPr fontId="3"/>
  </si>
  <si>
    <t>２　連携募集志願締切時志願状況</t>
    <rPh sb="2" eb="4">
      <t>レンケイ</t>
    </rPh>
    <rPh sb="4" eb="6">
      <t>ボシュウ</t>
    </rPh>
    <rPh sb="6" eb="8">
      <t>シガン</t>
    </rPh>
    <rPh sb="8" eb="10">
      <t>シメキリ</t>
    </rPh>
    <rPh sb="10" eb="11">
      <t>ケイジ</t>
    </rPh>
    <rPh sb="11" eb="13">
      <t>シガン</t>
    </rPh>
    <rPh sb="13" eb="15">
      <t>ジョウキョウ</t>
    </rPh>
    <phoneticPr fontId="3"/>
  </si>
  <si>
    <t>県立愛川</t>
    <rPh sb="0" eb="2">
      <t>ケンリツ</t>
    </rPh>
    <rPh sb="2" eb="4">
      <t>アイカワ</t>
    </rPh>
    <phoneticPr fontId="3"/>
  </si>
  <si>
    <t>専門学科（農業に関する学科）</t>
    <rPh sb="5" eb="7">
      <t>ノウギョウ</t>
    </rPh>
    <rPh sb="8" eb="9">
      <t>カン</t>
    </rPh>
    <rPh sb="11" eb="13">
      <t>ガッカ</t>
    </rPh>
    <phoneticPr fontId="3"/>
  </si>
  <si>
    <t>県立平塚農商</t>
    <rPh sb="0" eb="2">
      <t>ケンリツ</t>
    </rPh>
    <rPh sb="2" eb="4">
      <t>ヒラツカ</t>
    </rPh>
    <rPh sb="4" eb="5">
      <t>ノウ</t>
    </rPh>
    <phoneticPr fontId="3"/>
  </si>
  <si>
    <t>都市環境科</t>
    <rPh sb="0" eb="2">
      <t>トシ</t>
    </rPh>
    <rPh sb="2" eb="4">
      <t>カンキョウ</t>
    </rPh>
    <rPh sb="4" eb="5">
      <t>カ</t>
    </rPh>
    <phoneticPr fontId="3"/>
  </si>
  <si>
    <t>食品科学科</t>
    <rPh sb="0" eb="2">
      <t>ショクヒン</t>
    </rPh>
    <rPh sb="2" eb="4">
      <t>カガク</t>
    </rPh>
    <rPh sb="3" eb="5">
      <t>ガッカ</t>
    </rPh>
    <phoneticPr fontId="3"/>
  </si>
  <si>
    <t>農業総合科</t>
    <rPh sb="0" eb="2">
      <t>ノウギョウ</t>
    </rPh>
    <rPh sb="2" eb="4">
      <t>ソウゴウ</t>
    </rPh>
    <rPh sb="4" eb="5">
      <t>カ</t>
    </rPh>
    <phoneticPr fontId="3"/>
  </si>
  <si>
    <t>県立相原</t>
    <rPh sb="0" eb="2">
      <t>ケンリツ</t>
    </rPh>
    <rPh sb="2" eb="4">
      <t>アイハラ</t>
    </rPh>
    <phoneticPr fontId="3"/>
  </si>
  <si>
    <t>畜産科学科</t>
    <rPh sb="0" eb="2">
      <t>チクサンカ</t>
    </rPh>
    <rPh sb="2" eb="5">
      <t>カガクカ</t>
    </rPh>
    <phoneticPr fontId="3"/>
  </si>
  <si>
    <t>食品科学科</t>
    <rPh sb="0" eb="2">
      <t>ショクヒン</t>
    </rPh>
    <rPh sb="2" eb="5">
      <t>カガクカ</t>
    </rPh>
    <phoneticPr fontId="3"/>
  </si>
  <si>
    <t>県立中央農業</t>
    <rPh sb="0" eb="2">
      <t>ケンリツ</t>
    </rPh>
    <rPh sb="2" eb="4">
      <t>チュウオウ</t>
    </rPh>
    <rPh sb="4" eb="6">
      <t>ノウギョウ</t>
    </rPh>
    <phoneticPr fontId="3"/>
  </si>
  <si>
    <t>園芸科学科</t>
    <rPh sb="0" eb="2">
      <t>エンゲイ</t>
    </rPh>
    <rPh sb="2" eb="5">
      <t>カガクカ</t>
    </rPh>
    <phoneticPr fontId="3"/>
  </si>
  <si>
    <t>合　　計</t>
  </si>
  <si>
    <t>専門学科（工業に関する学科）</t>
    <rPh sb="5" eb="6">
      <t>コウ</t>
    </rPh>
    <rPh sb="6" eb="7">
      <t>ノウギョウ</t>
    </rPh>
    <rPh sb="8" eb="9">
      <t>カン</t>
    </rPh>
    <rPh sb="11" eb="13">
      <t>ガッカ</t>
    </rPh>
    <phoneticPr fontId="3"/>
  </si>
  <si>
    <t>機械科</t>
    <rPh sb="0" eb="3">
      <t>キカイカ</t>
    </rPh>
    <phoneticPr fontId="3"/>
  </si>
  <si>
    <t>建設科</t>
    <rPh sb="0" eb="3">
      <t>ケンセツカ</t>
    </rPh>
    <phoneticPr fontId="3"/>
  </si>
  <si>
    <t>電気科</t>
    <rPh sb="0" eb="3">
      <t>デンキカ</t>
    </rPh>
    <phoneticPr fontId="3"/>
  </si>
  <si>
    <t>デザイン科</t>
    <rPh sb="4" eb="5">
      <t>カ</t>
    </rPh>
    <phoneticPr fontId="3"/>
  </si>
  <si>
    <t>県立商工</t>
    <rPh sb="0" eb="2">
      <t>ケンリツ</t>
    </rPh>
    <rPh sb="2" eb="4">
      <t>ショウコウ</t>
    </rPh>
    <phoneticPr fontId="3"/>
  </si>
  <si>
    <t>総合技術科</t>
    <rPh sb="0" eb="2">
      <t>ソウゴウ</t>
    </rPh>
    <rPh sb="2" eb="4">
      <t>ギジュツ</t>
    </rPh>
    <rPh sb="4" eb="5">
      <t>カ</t>
    </rPh>
    <phoneticPr fontId="3"/>
  </si>
  <si>
    <t>県立磯子工業</t>
    <rPh sb="0" eb="2">
      <t>ケンリツ</t>
    </rPh>
    <rPh sb="2" eb="4">
      <t>イソゴ</t>
    </rPh>
    <rPh sb="4" eb="6">
      <t>コウギョウ</t>
    </rPh>
    <phoneticPr fontId="3"/>
  </si>
  <si>
    <t>化学科</t>
    <rPh sb="0" eb="3">
      <t>カガクカ</t>
    </rPh>
    <phoneticPr fontId="3"/>
  </si>
  <si>
    <t>県立川崎工科</t>
    <rPh sb="0" eb="2">
      <t>ケンリツ</t>
    </rPh>
    <rPh sb="2" eb="4">
      <t>カワサキ</t>
    </rPh>
    <rPh sb="4" eb="6">
      <t>コウカ</t>
    </rPh>
    <phoneticPr fontId="3"/>
  </si>
  <si>
    <t>県立向の岡工業</t>
    <rPh sb="0" eb="2">
      <t>ケンリツ</t>
    </rPh>
    <rPh sb="2" eb="3">
      <t>ム</t>
    </rPh>
    <rPh sb="4" eb="5">
      <t>オカ</t>
    </rPh>
    <rPh sb="5" eb="7">
      <t>コウギョウ</t>
    </rPh>
    <phoneticPr fontId="3"/>
  </si>
  <si>
    <t>電気科</t>
    <rPh sb="0" eb="2">
      <t>デンキ</t>
    </rPh>
    <rPh sb="2" eb="3">
      <t>カ</t>
    </rPh>
    <phoneticPr fontId="3"/>
  </si>
  <si>
    <t>県立横須賀工業</t>
    <rPh sb="0" eb="2">
      <t>ケンリツ</t>
    </rPh>
    <rPh sb="2" eb="5">
      <t>ヨコスカ</t>
    </rPh>
    <rPh sb="5" eb="7">
      <t>コウギョウ</t>
    </rPh>
    <phoneticPr fontId="3"/>
  </si>
  <si>
    <t>建設科</t>
    <rPh sb="0" eb="2">
      <t>ケンセツ</t>
    </rPh>
    <rPh sb="2" eb="3">
      <t>カ</t>
    </rPh>
    <phoneticPr fontId="3"/>
  </si>
  <si>
    <t>県立平塚工科</t>
    <rPh sb="0" eb="2">
      <t>ケンリツ</t>
    </rPh>
    <rPh sb="2" eb="4">
      <t>ヒラツカ</t>
    </rPh>
    <rPh sb="4" eb="6">
      <t>コウカ</t>
    </rPh>
    <phoneticPr fontId="3"/>
  </si>
  <si>
    <t>県立藤沢工科</t>
    <rPh sb="0" eb="2">
      <t>ケンリツ</t>
    </rPh>
    <rPh sb="2" eb="4">
      <t>フジサワ</t>
    </rPh>
    <rPh sb="4" eb="6">
      <t>コウカ</t>
    </rPh>
    <phoneticPr fontId="3"/>
  </si>
  <si>
    <t>県立小田原北</t>
    <rPh sb="0" eb="2">
      <t>ケンリツ</t>
    </rPh>
    <rPh sb="2" eb="5">
      <t>オダワラ</t>
    </rPh>
    <rPh sb="5" eb="6">
      <t>キタ</t>
    </rPh>
    <phoneticPr fontId="3"/>
  </si>
  <si>
    <t>川崎市立川崎総合科学</t>
    <rPh sb="0" eb="2">
      <t>カワサキ</t>
    </rPh>
    <rPh sb="2" eb="4">
      <t>ヨコハマイチリツ</t>
    </rPh>
    <rPh sb="4" eb="6">
      <t>カワサキ</t>
    </rPh>
    <rPh sb="6" eb="8">
      <t>ソウゴウ</t>
    </rPh>
    <rPh sb="8" eb="10">
      <t>カガク</t>
    </rPh>
    <phoneticPr fontId="3"/>
  </si>
  <si>
    <t>情報工学科</t>
    <rPh sb="0" eb="2">
      <t>ジョウホウ</t>
    </rPh>
    <rPh sb="2" eb="5">
      <t>コウガクカ</t>
    </rPh>
    <phoneticPr fontId="3"/>
  </si>
  <si>
    <t>総合電気科</t>
    <rPh sb="0" eb="2">
      <t>ソウゴウ</t>
    </rPh>
    <rPh sb="2" eb="5">
      <t>デンキカ</t>
    </rPh>
    <phoneticPr fontId="3"/>
  </si>
  <si>
    <t>電子機械科</t>
    <rPh sb="0" eb="2">
      <t>デンシ</t>
    </rPh>
    <rPh sb="2" eb="5">
      <t>キカイカ</t>
    </rPh>
    <phoneticPr fontId="3"/>
  </si>
  <si>
    <t>建設工学科</t>
    <rPh sb="0" eb="2">
      <t>ケンセツ</t>
    </rPh>
    <rPh sb="2" eb="5">
      <t>コウガクカ</t>
    </rPh>
    <phoneticPr fontId="3"/>
  </si>
  <si>
    <t>※　県立小田原北高等学校（機械科、電気科、建設科及びデザイン科）の前年度競争率は、県立小田原城北工業高等学校（機械科、
　電気科、建設科及びデザイン科）の前年度競争率です。</t>
    <rPh sb="2" eb="4">
      <t>ケンリツ</t>
    </rPh>
    <rPh sb="4" eb="7">
      <t>オダワラ</t>
    </rPh>
    <rPh sb="7" eb="8">
      <t>キタ</t>
    </rPh>
    <rPh sb="8" eb="10">
      <t>コウトウ</t>
    </rPh>
    <rPh sb="10" eb="12">
      <t>ガッコウ</t>
    </rPh>
    <rPh sb="13" eb="15">
      <t>キカイ</t>
    </rPh>
    <rPh sb="15" eb="16">
      <t>カ</t>
    </rPh>
    <rPh sb="17" eb="19">
      <t>デンキ</t>
    </rPh>
    <rPh sb="19" eb="20">
      <t>カ</t>
    </rPh>
    <rPh sb="21" eb="23">
      <t>ケンセツ</t>
    </rPh>
    <rPh sb="23" eb="24">
      <t>カ</t>
    </rPh>
    <rPh sb="24" eb="25">
      <t>オヨ</t>
    </rPh>
    <rPh sb="30" eb="31">
      <t>カ</t>
    </rPh>
    <rPh sb="33" eb="39">
      <t>ゼンネンドキョウソウリツ</t>
    </rPh>
    <rPh sb="41" eb="43">
      <t>ケンリツ</t>
    </rPh>
    <rPh sb="43" eb="46">
      <t>オダワラ</t>
    </rPh>
    <rPh sb="46" eb="48">
      <t>ジョウホク</t>
    </rPh>
    <rPh sb="48" eb="50">
      <t>コウギョウ</t>
    </rPh>
    <rPh sb="50" eb="52">
      <t>コウトウ</t>
    </rPh>
    <rPh sb="52" eb="54">
      <t>ガッコウ</t>
    </rPh>
    <rPh sb="55" eb="57">
      <t>キカイ</t>
    </rPh>
    <rPh sb="57" eb="58">
      <t>カ</t>
    </rPh>
    <rPh sb="61" eb="63">
      <t>デンキ</t>
    </rPh>
    <rPh sb="63" eb="64">
      <t>カ</t>
    </rPh>
    <rPh sb="65" eb="67">
      <t>ケンセツ</t>
    </rPh>
    <rPh sb="67" eb="68">
      <t>カ</t>
    </rPh>
    <rPh sb="68" eb="69">
      <t>オヨ</t>
    </rPh>
    <rPh sb="74" eb="75">
      <t>カ</t>
    </rPh>
    <rPh sb="77" eb="80">
      <t>ゼンネンド</t>
    </rPh>
    <rPh sb="80" eb="83">
      <t>キョウソウリツ</t>
    </rPh>
    <phoneticPr fontId="3"/>
  </si>
  <si>
    <t>専門学科（商業に関する学科）</t>
    <rPh sb="5" eb="6">
      <t>ショウ</t>
    </rPh>
    <rPh sb="6" eb="7">
      <t>ノウギョウ</t>
    </rPh>
    <rPh sb="8" eb="9">
      <t>カン</t>
    </rPh>
    <rPh sb="11" eb="13">
      <t>ガッカ</t>
    </rPh>
    <phoneticPr fontId="3"/>
  </si>
  <si>
    <t>総合ビジネス科</t>
    <rPh sb="0" eb="2">
      <t>ソウゴウ</t>
    </rPh>
    <rPh sb="6" eb="7">
      <t>カ</t>
    </rPh>
    <phoneticPr fontId="3"/>
  </si>
  <si>
    <t>県立平塚農商</t>
    <rPh sb="0" eb="2">
      <t>ケンリツ</t>
    </rPh>
    <rPh sb="2" eb="4">
      <t>ヒラツカ</t>
    </rPh>
    <rPh sb="4" eb="5">
      <t>ノウ</t>
    </rPh>
    <rPh sb="5" eb="6">
      <t>ショウ</t>
    </rPh>
    <phoneticPr fontId="3"/>
  </si>
  <si>
    <t>横浜市立横浜商業</t>
    <rPh sb="0" eb="4">
      <t>ヨコハマイチリツ</t>
    </rPh>
    <rPh sb="4" eb="6">
      <t>ヨコハマ</t>
    </rPh>
    <rPh sb="6" eb="8">
      <t>ショウギョウ</t>
    </rPh>
    <phoneticPr fontId="3"/>
  </si>
  <si>
    <t>商業科</t>
    <rPh sb="0" eb="3">
      <t>ショウギョウカ</t>
    </rPh>
    <phoneticPr fontId="3"/>
  </si>
  <si>
    <t>スポーツマネジメント科</t>
    <rPh sb="10" eb="11">
      <t>カ</t>
    </rPh>
    <phoneticPr fontId="3"/>
  </si>
  <si>
    <t>川崎市立幸</t>
    <rPh sb="0" eb="3">
      <t>カワサキシ</t>
    </rPh>
    <rPh sb="3" eb="4">
      <t>ケンリツ</t>
    </rPh>
    <rPh sb="4" eb="5">
      <t>ユキ</t>
    </rPh>
    <phoneticPr fontId="3"/>
  </si>
  <si>
    <t>ビジネス教養科</t>
    <rPh sb="4" eb="6">
      <t>キョウヨウ</t>
    </rPh>
    <rPh sb="6" eb="7">
      <t>カ</t>
    </rPh>
    <phoneticPr fontId="3"/>
  </si>
  <si>
    <t>専門学科（水産に関する学科）</t>
    <rPh sb="5" eb="7">
      <t>スイサン</t>
    </rPh>
    <rPh sb="8" eb="9">
      <t>カン</t>
    </rPh>
    <rPh sb="11" eb="13">
      <t>ガッカ</t>
    </rPh>
    <phoneticPr fontId="3"/>
  </si>
  <si>
    <t>県立海洋科学</t>
    <rPh sb="0" eb="2">
      <t>ケンリツ</t>
    </rPh>
    <rPh sb="2" eb="4">
      <t>カイヨウ</t>
    </rPh>
    <rPh sb="4" eb="6">
      <t>カガク</t>
    </rPh>
    <phoneticPr fontId="6"/>
  </si>
  <si>
    <t>船舶運航科</t>
    <rPh sb="0" eb="2">
      <t>センパク</t>
    </rPh>
    <rPh sb="2" eb="4">
      <t>ウンコウ</t>
    </rPh>
    <rPh sb="4" eb="5">
      <t>カ</t>
    </rPh>
    <phoneticPr fontId="3"/>
  </si>
  <si>
    <t>水産食品科</t>
    <rPh sb="0" eb="2">
      <t>スイサン</t>
    </rPh>
    <rPh sb="2" eb="4">
      <t>ショクヒン</t>
    </rPh>
    <rPh sb="4" eb="5">
      <t>カ</t>
    </rPh>
    <phoneticPr fontId="3"/>
  </si>
  <si>
    <t>無線技術科</t>
    <rPh sb="0" eb="2">
      <t>ムセン</t>
    </rPh>
    <rPh sb="2" eb="4">
      <t>ギジュツ</t>
    </rPh>
    <rPh sb="4" eb="5">
      <t>カ</t>
    </rPh>
    <phoneticPr fontId="3"/>
  </si>
  <si>
    <t>生物環境科</t>
    <rPh sb="0" eb="2">
      <t>セイブツ</t>
    </rPh>
    <rPh sb="2" eb="4">
      <t>カンキョウ</t>
    </rPh>
    <rPh sb="4" eb="5">
      <t>カ</t>
    </rPh>
    <phoneticPr fontId="3"/>
  </si>
  <si>
    <t>専門学科（家庭に関する学科）</t>
    <rPh sb="5" eb="7">
      <t>カテイ</t>
    </rPh>
    <rPh sb="8" eb="9">
      <t>カン</t>
    </rPh>
    <rPh sb="11" eb="13">
      <t>ガッカ</t>
    </rPh>
    <phoneticPr fontId="3"/>
  </si>
  <si>
    <t>川崎市立川崎</t>
    <rPh sb="0" eb="2">
      <t>カワサキ</t>
    </rPh>
    <rPh sb="2" eb="4">
      <t>イチリツ</t>
    </rPh>
    <rPh sb="4" eb="6">
      <t>カワサキ</t>
    </rPh>
    <phoneticPr fontId="3"/>
  </si>
  <si>
    <t>生活科学科</t>
    <rPh sb="0" eb="2">
      <t>セイカツ</t>
    </rPh>
    <rPh sb="2" eb="3">
      <t>カ</t>
    </rPh>
    <rPh sb="3" eb="5">
      <t>カガクカ</t>
    </rPh>
    <phoneticPr fontId="3"/>
  </si>
  <si>
    <t>専門学科（福祉に関する学科）</t>
    <rPh sb="5" eb="7">
      <t>フクシ</t>
    </rPh>
    <rPh sb="8" eb="9">
      <t>カン</t>
    </rPh>
    <rPh sb="11" eb="13">
      <t>ガッカ</t>
    </rPh>
    <phoneticPr fontId="3"/>
  </si>
  <si>
    <t>福祉科</t>
    <rPh sb="0" eb="3">
      <t>フクシカ</t>
    </rPh>
    <phoneticPr fontId="3"/>
  </si>
  <si>
    <t>県立横須賀南</t>
    <rPh sb="0" eb="2">
      <t>ケンリツ</t>
    </rPh>
    <rPh sb="2" eb="5">
      <t>ヨコスカ</t>
    </rPh>
    <rPh sb="5" eb="6">
      <t>ミナミ</t>
    </rPh>
    <phoneticPr fontId="3"/>
  </si>
  <si>
    <t>福祉科</t>
    <rPh sb="0" eb="2">
      <t>フクシ</t>
    </rPh>
    <rPh sb="2" eb="3">
      <t>カ</t>
    </rPh>
    <phoneticPr fontId="3"/>
  </si>
  <si>
    <t>専門学科（理数に関する学科）</t>
    <rPh sb="5" eb="7">
      <t>リスウ</t>
    </rPh>
    <rPh sb="8" eb="9">
      <t>カン</t>
    </rPh>
    <rPh sb="11" eb="13">
      <t>ガッカ</t>
    </rPh>
    <phoneticPr fontId="3"/>
  </si>
  <si>
    <t>川崎市立川崎総合科学</t>
    <rPh sb="0" eb="2">
      <t>カワサキ</t>
    </rPh>
    <rPh sb="2" eb="4">
      <t>イチリツ</t>
    </rPh>
    <rPh sb="4" eb="6">
      <t>カワサキ</t>
    </rPh>
    <rPh sb="6" eb="8">
      <t>ソウゴウ</t>
    </rPh>
    <rPh sb="8" eb="10">
      <t>カガク</t>
    </rPh>
    <phoneticPr fontId="3"/>
  </si>
  <si>
    <t>科学科</t>
    <rPh sb="0" eb="2">
      <t>カガク</t>
    </rPh>
    <rPh sb="2" eb="3">
      <t>カガクカ</t>
    </rPh>
    <phoneticPr fontId="3"/>
  </si>
  <si>
    <t>専門学科（体育に関する学科）</t>
    <rPh sb="5" eb="7">
      <t>タイイク</t>
    </rPh>
    <rPh sb="8" eb="9">
      <t>カン</t>
    </rPh>
    <rPh sb="11" eb="13">
      <t>ガッカ</t>
    </rPh>
    <phoneticPr fontId="3"/>
  </si>
  <si>
    <t>スポーツ科学科</t>
    <rPh sb="4" eb="6">
      <t>カガク</t>
    </rPh>
    <rPh sb="6" eb="7">
      <t>カ</t>
    </rPh>
    <phoneticPr fontId="3"/>
  </si>
  <si>
    <t>川崎市立橘</t>
    <rPh sb="0" eb="2">
      <t>カワサキ</t>
    </rPh>
    <rPh sb="2" eb="4">
      <t>イチリツ</t>
    </rPh>
    <rPh sb="4" eb="5">
      <t>タチバナ</t>
    </rPh>
    <phoneticPr fontId="3"/>
  </si>
  <si>
    <t>スポーツ科</t>
    <rPh sb="4" eb="5">
      <t>カガクカ</t>
    </rPh>
    <phoneticPr fontId="3"/>
  </si>
  <si>
    <t>専門学科（美術に関する学科）</t>
    <rPh sb="5" eb="7">
      <t>ビジュツ</t>
    </rPh>
    <rPh sb="8" eb="9">
      <t>カン</t>
    </rPh>
    <rPh sb="11" eb="13">
      <t>ガッカ</t>
    </rPh>
    <phoneticPr fontId="3"/>
  </si>
  <si>
    <t>美術科</t>
    <rPh sb="0" eb="2">
      <t>ビジュツ</t>
    </rPh>
    <rPh sb="2" eb="3">
      <t>カ</t>
    </rPh>
    <phoneticPr fontId="3"/>
  </si>
  <si>
    <t>専門学科（国際に関する学科）</t>
    <rPh sb="5" eb="7">
      <t>コクサイ</t>
    </rPh>
    <rPh sb="8" eb="9">
      <t>カン</t>
    </rPh>
    <rPh sb="11" eb="13">
      <t>ガッカ</t>
    </rPh>
    <phoneticPr fontId="3"/>
  </si>
  <si>
    <t>横浜市立横浜商業</t>
    <rPh sb="0" eb="4">
      <t>ヨコハマシリツ</t>
    </rPh>
    <rPh sb="4" eb="6">
      <t>ヨコハマ</t>
    </rPh>
    <rPh sb="6" eb="8">
      <t>ショウギョウ</t>
    </rPh>
    <phoneticPr fontId="3"/>
  </si>
  <si>
    <t>国際科</t>
    <rPh sb="0" eb="3">
      <t>コクサイカ</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0">
    <numFmt numFmtId="176" formatCode="#,##0_);[Red]\(#,##0\)"/>
    <numFmt numFmtId="177" formatCode="#,##0.00_ "/>
    <numFmt numFmtId="178" formatCode="#,##0.00_);[Red]\(#,##0.00\)"/>
    <numFmt numFmtId="179" formatCode="0.00_ "/>
    <numFmt numFmtId="180" formatCode="#,##0_ "/>
    <numFmt numFmtId="181" formatCode="0_ ;[Red]\-0\ "/>
    <numFmt numFmtId="182" formatCode="0.00_ ;[Red]\-0.00\ "/>
    <numFmt numFmtId="183" formatCode="0.00_);[Red]\(0.00\)"/>
    <numFmt numFmtId="184" formatCode="0_);[Red]\(0\)"/>
    <numFmt numFmtId="185" formatCode="0_ "/>
  </numFmts>
  <fonts count="14" x14ac:knownFonts="1">
    <font>
      <sz val="11"/>
      <name val="ＭＳ 明朝"/>
      <family val="1"/>
      <charset val="128"/>
    </font>
    <font>
      <sz val="11"/>
      <name val="ＭＳ 明朝"/>
      <family val="1"/>
      <charset val="128"/>
    </font>
    <font>
      <sz val="11"/>
      <name val="ＭＳ Ｐ明朝"/>
      <family val="1"/>
      <charset val="128"/>
    </font>
    <font>
      <sz val="6"/>
      <name val="ＭＳ 明朝"/>
      <family val="1"/>
      <charset val="128"/>
    </font>
    <font>
      <sz val="12"/>
      <name val="ＭＳ Ｐ明朝"/>
      <family val="1"/>
      <charset val="128"/>
    </font>
    <font>
      <sz val="11"/>
      <name val="ＭＳ Ｐゴシック"/>
      <family val="3"/>
      <charset val="128"/>
    </font>
    <font>
      <sz val="6"/>
      <name val="ＭＳ Ｐ明朝"/>
      <family val="1"/>
      <charset val="128"/>
    </font>
    <font>
      <sz val="8"/>
      <name val="ＭＳ Ｐ明朝"/>
      <family val="1"/>
      <charset val="128"/>
    </font>
    <font>
      <b/>
      <sz val="11"/>
      <name val="ＭＳ Ｐ明朝"/>
      <family val="1"/>
      <charset val="128"/>
    </font>
    <font>
      <sz val="10"/>
      <name val="ＭＳ Ｐ明朝"/>
      <family val="1"/>
      <charset val="128"/>
    </font>
    <font>
      <sz val="9"/>
      <name val="ＭＳ Ｐ明朝"/>
      <family val="1"/>
      <charset val="128"/>
    </font>
    <font>
      <strike/>
      <sz val="11"/>
      <name val="ＭＳ Ｐ明朝"/>
      <family val="1"/>
      <charset val="128"/>
    </font>
    <font>
      <b/>
      <sz val="12"/>
      <name val="ＭＳ Ｐ明朝"/>
      <family val="1"/>
      <charset val="128"/>
    </font>
    <font>
      <sz val="14"/>
      <name val="ＭＳ 明朝"/>
      <family val="1"/>
      <charset val="128"/>
    </font>
  </fonts>
  <fills count="2">
    <fill>
      <patternFill patternType="none"/>
    </fill>
    <fill>
      <patternFill patternType="gray125"/>
    </fill>
  </fills>
  <borders count="39">
    <border>
      <left/>
      <right/>
      <top/>
      <bottom/>
      <diagonal/>
    </border>
    <border>
      <left style="thin">
        <color indexed="64"/>
      </left>
      <right style="hair">
        <color indexed="64"/>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hair">
        <color indexed="64"/>
      </right>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bottom style="thin">
        <color indexed="64"/>
      </bottom>
      <diagonal/>
    </border>
    <border>
      <left style="hair">
        <color indexed="64"/>
      </left>
      <right/>
      <top/>
      <bottom style="thin">
        <color indexed="64"/>
      </bottom>
      <diagonal/>
    </border>
    <border>
      <left/>
      <right/>
      <top/>
      <bottom style="thin">
        <color indexed="64"/>
      </bottom>
      <diagonal/>
    </border>
    <border>
      <left style="hair">
        <color indexed="64"/>
      </left>
      <right style="hair">
        <color indexed="64"/>
      </right>
      <top/>
      <bottom style="thin">
        <color indexed="64"/>
      </bottom>
      <diagonal/>
    </border>
    <border>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style="thin">
        <color indexed="64"/>
      </top>
      <bottom/>
      <diagonal/>
    </border>
    <border>
      <left/>
      <right style="hair">
        <color indexed="64"/>
      </right>
      <top style="thin">
        <color indexed="64"/>
      </top>
      <bottom/>
      <diagonal/>
    </border>
    <border>
      <left/>
      <right style="thin">
        <color indexed="64"/>
      </right>
      <top/>
      <bottom/>
      <diagonal/>
    </border>
    <border>
      <left style="thin">
        <color indexed="64"/>
      </left>
      <right style="hair">
        <color indexed="64"/>
      </right>
      <top/>
      <bottom style="hair">
        <color indexed="64"/>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right style="thin">
        <color indexed="64"/>
      </right>
      <top/>
      <bottom style="hair">
        <color indexed="64"/>
      </bottom>
      <diagonal/>
    </border>
    <border>
      <left style="thin">
        <color indexed="64"/>
      </left>
      <right style="hair">
        <color indexed="64"/>
      </right>
      <top style="hair">
        <color indexed="64"/>
      </top>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right style="thin">
        <color indexed="64"/>
      </right>
      <top style="hair">
        <color indexed="64"/>
      </top>
      <bottom/>
      <diagonal/>
    </border>
    <border>
      <left/>
      <right style="thin">
        <color indexed="64"/>
      </right>
      <top/>
      <bottom style="thin">
        <color indexed="64"/>
      </bottom>
      <diagonal/>
    </border>
    <border>
      <left style="thin">
        <color indexed="64"/>
      </left>
      <right/>
      <top style="hair">
        <color indexed="64"/>
      </top>
      <bottom/>
      <diagonal/>
    </border>
    <border>
      <left style="thin">
        <color indexed="64"/>
      </left>
      <right/>
      <top/>
      <bottom/>
      <diagonal/>
    </border>
    <border>
      <left style="thin">
        <color indexed="64"/>
      </left>
      <right/>
      <top/>
      <bottom style="thin">
        <color indexed="64"/>
      </bottom>
      <diagonal/>
    </border>
    <border>
      <left style="thin">
        <color indexed="64"/>
      </left>
      <right/>
      <top style="thin">
        <color indexed="64"/>
      </top>
      <bottom/>
      <diagonal/>
    </border>
    <border>
      <left style="hair">
        <color indexed="64"/>
      </left>
      <right style="thin">
        <color indexed="64"/>
      </right>
      <top style="thin">
        <color indexed="64"/>
      </top>
      <bottom/>
      <diagonal/>
    </border>
    <border>
      <left style="thin">
        <color indexed="64"/>
      </left>
      <right/>
      <top/>
      <bottom style="hair">
        <color indexed="64"/>
      </bottom>
      <diagonal/>
    </border>
    <border>
      <left style="hair">
        <color indexed="64"/>
      </left>
      <right style="thin">
        <color indexed="64"/>
      </right>
      <top/>
      <bottom style="hair">
        <color indexed="64"/>
      </bottom>
      <diagonal/>
    </border>
  </borders>
  <cellStyleXfs count="4">
    <xf numFmtId="0" fontId="0" fillId="0" borderId="0"/>
    <xf numFmtId="38" fontId="5" fillId="0" borderId="0" applyFont="0" applyFill="0" applyBorder="0" applyAlignment="0" applyProtection="0"/>
    <xf numFmtId="0" fontId="1" fillId="0" borderId="0"/>
    <xf numFmtId="0" fontId="1" fillId="0" borderId="0"/>
  </cellStyleXfs>
  <cellXfs count="399">
    <xf numFmtId="0" fontId="0" fillId="0" borderId="0" xfId="0"/>
    <xf numFmtId="0" fontId="2" fillId="0" borderId="0" xfId="0" applyFont="1" applyAlignment="1">
      <alignment vertical="center" wrapText="1"/>
    </xf>
    <xf numFmtId="0" fontId="2" fillId="0" borderId="0" xfId="0" applyFont="1" applyAlignment="1">
      <alignment vertical="center"/>
    </xf>
    <xf numFmtId="0" fontId="4" fillId="0" borderId="0" xfId="0" applyFont="1"/>
    <xf numFmtId="176" fontId="2" fillId="0" borderId="0" xfId="1" applyNumberFormat="1" applyFont="1" applyFill="1" applyAlignment="1">
      <alignment vertical="center"/>
    </xf>
    <xf numFmtId="176" fontId="2" fillId="0" borderId="0" xfId="0" applyNumberFormat="1" applyFont="1" applyAlignment="1">
      <alignment vertical="center"/>
    </xf>
    <xf numFmtId="0" fontId="4" fillId="0" borderId="0" xfId="0" applyFont="1" applyAlignment="1">
      <alignment horizontal="center" vertical="center"/>
    </xf>
    <xf numFmtId="0" fontId="2" fillId="0" borderId="0" xfId="2" applyFont="1" applyAlignment="1">
      <alignment vertical="center"/>
    </xf>
    <xf numFmtId="0" fontId="2" fillId="0" borderId="1" xfId="0" applyFont="1" applyBorder="1" applyAlignment="1">
      <alignment horizontal="center" vertical="center" textRotation="255"/>
    </xf>
    <xf numFmtId="0" fontId="2" fillId="0" borderId="2" xfId="0" applyFont="1" applyBorder="1" applyAlignment="1">
      <alignment horizontal="center" vertical="center" textRotation="255"/>
    </xf>
    <xf numFmtId="0" fontId="2" fillId="0" borderId="2" xfId="0" applyFont="1" applyBorder="1" applyAlignment="1">
      <alignment horizontal="center" vertical="center"/>
    </xf>
    <xf numFmtId="176" fontId="2" fillId="0" borderId="2" xfId="1" applyNumberFormat="1" applyFont="1" applyFill="1" applyBorder="1" applyAlignment="1">
      <alignment horizontal="center" vertical="center"/>
    </xf>
    <xf numFmtId="176" fontId="2" fillId="0" borderId="3" xfId="0" applyNumberFormat="1" applyFont="1" applyBorder="1" applyAlignment="1">
      <alignment horizontal="center" vertical="center"/>
    </xf>
    <xf numFmtId="0" fontId="2" fillId="0" borderId="4" xfId="0" applyFont="1" applyBorder="1" applyAlignment="1">
      <alignment horizontal="center" vertical="center"/>
    </xf>
    <xf numFmtId="0" fontId="2" fillId="0" borderId="0" xfId="0" applyFont="1" applyAlignment="1">
      <alignment horizontal="center" vertical="center"/>
    </xf>
    <xf numFmtId="176" fontId="2" fillId="0" borderId="5" xfId="1" applyNumberFormat="1" applyFont="1" applyFill="1" applyBorder="1" applyAlignment="1">
      <alignment horizontal="center" vertical="center"/>
    </xf>
    <xf numFmtId="56" fontId="2" fillId="0" borderId="5" xfId="0" applyNumberFormat="1" applyFont="1" applyBorder="1" applyAlignment="1">
      <alignment horizontal="centerContinuous" vertical="center"/>
    </xf>
    <xf numFmtId="0" fontId="2" fillId="0" borderId="5" xfId="0" applyFont="1" applyBorder="1" applyAlignment="1">
      <alignment horizontal="centerContinuous" vertical="center"/>
    </xf>
    <xf numFmtId="56" fontId="2" fillId="0" borderId="5" xfId="0" applyNumberFormat="1" applyFont="1" applyBorder="1" applyAlignment="1">
      <alignment horizontal="center" vertical="center"/>
    </xf>
    <xf numFmtId="0" fontId="2" fillId="0" borderId="7" xfId="0" applyFont="1" applyBorder="1" applyAlignment="1">
      <alignment vertical="center"/>
    </xf>
    <xf numFmtId="0" fontId="2" fillId="0" borderId="8" xfId="0" applyFont="1" applyBorder="1" applyAlignment="1">
      <alignment vertical="center"/>
    </xf>
    <xf numFmtId="176" fontId="2" fillId="0" borderId="9" xfId="1" applyNumberFormat="1" applyFont="1" applyFill="1" applyBorder="1" applyAlignment="1">
      <alignment horizontal="center" vertical="center"/>
    </xf>
    <xf numFmtId="0" fontId="2" fillId="0" borderId="9" xfId="0" applyFont="1" applyBorder="1" applyAlignment="1">
      <alignment horizontal="centerContinuous" vertical="center"/>
    </xf>
    <xf numFmtId="0" fontId="2" fillId="0" borderId="9" xfId="0" applyFont="1" applyBorder="1" applyAlignment="1">
      <alignment horizontal="center" vertical="center"/>
    </xf>
    <xf numFmtId="176" fontId="2" fillId="0" borderId="9" xfId="0" applyNumberFormat="1" applyFont="1" applyBorder="1" applyAlignment="1">
      <alignment horizontal="center" vertical="center"/>
    </xf>
    <xf numFmtId="0" fontId="2" fillId="0" borderId="7" xfId="0" applyFont="1" applyBorder="1" applyAlignment="1">
      <alignment horizontal="centerContinuous" vertical="center"/>
    </xf>
    <xf numFmtId="0" fontId="2" fillId="0" borderId="0" xfId="0" applyFont="1" applyAlignment="1">
      <alignment horizontal="centerContinuous" vertical="center"/>
    </xf>
    <xf numFmtId="0" fontId="2" fillId="0" borderId="8" xfId="0" applyFont="1" applyBorder="1" applyAlignment="1">
      <alignment horizontal="centerContinuous" vertical="center"/>
    </xf>
    <xf numFmtId="0" fontId="2" fillId="0" borderId="12" xfId="0" applyFont="1" applyBorder="1" applyAlignment="1">
      <alignment horizontal="center" vertical="center" textRotation="255"/>
    </xf>
    <xf numFmtId="0" fontId="2" fillId="0" borderId="13" xfId="0" applyFont="1" applyBorder="1" applyAlignment="1">
      <alignment horizontal="center" vertical="center" textRotation="255"/>
    </xf>
    <xf numFmtId="0" fontId="2" fillId="0" borderId="14" xfId="0" applyFont="1" applyBorder="1" applyAlignment="1">
      <alignment horizontal="center" vertical="center"/>
    </xf>
    <xf numFmtId="176" fontId="2" fillId="0" borderId="15" xfId="1" applyNumberFormat="1" applyFont="1" applyFill="1" applyBorder="1" applyAlignment="1">
      <alignment horizontal="center" vertical="center"/>
    </xf>
    <xf numFmtId="0" fontId="2" fillId="0" borderId="13" xfId="0" applyFont="1" applyBorder="1" applyAlignment="1">
      <alignment horizontal="center" vertical="center"/>
    </xf>
    <xf numFmtId="0" fontId="2" fillId="0" borderId="16" xfId="0" applyFont="1" applyBorder="1" applyAlignment="1">
      <alignment horizontal="center" vertical="center"/>
    </xf>
    <xf numFmtId="0" fontId="2" fillId="0" borderId="15" xfId="0" applyFont="1" applyBorder="1" applyAlignment="1">
      <alignment horizontal="center" vertical="center"/>
    </xf>
    <xf numFmtId="176" fontId="2" fillId="0" borderId="17" xfId="0" applyNumberFormat="1" applyFont="1" applyBorder="1" applyAlignment="1">
      <alignment horizontal="center" vertical="center"/>
    </xf>
    <xf numFmtId="0" fontId="2" fillId="0" borderId="7" xfId="0" applyFont="1" applyBorder="1" applyAlignment="1">
      <alignment horizontal="center" vertical="center" textRotation="255"/>
    </xf>
    <xf numFmtId="176" fontId="2" fillId="0" borderId="18" xfId="1" applyNumberFormat="1" applyFont="1" applyFill="1" applyBorder="1" applyAlignment="1">
      <alignment horizontal="center" vertical="center"/>
    </xf>
    <xf numFmtId="0" fontId="2" fillId="0" borderId="19" xfId="0" applyFont="1" applyBorder="1" applyAlignment="1">
      <alignment horizontal="center" vertical="center"/>
    </xf>
    <xf numFmtId="176" fontId="2" fillId="0" borderId="20" xfId="0" applyNumberFormat="1" applyFont="1" applyBorder="1" applyAlignment="1">
      <alignment horizontal="center" vertical="center"/>
    </xf>
    <xf numFmtId="0" fontId="2" fillId="0" borderId="7" xfId="0" applyFont="1" applyBorder="1" applyAlignment="1">
      <alignment horizontal="center" vertical="center" textRotation="255" wrapText="1"/>
    </xf>
    <xf numFmtId="0" fontId="2" fillId="0" borderId="0" xfId="0" applyFont="1" applyAlignment="1">
      <alignment vertical="top"/>
    </xf>
    <xf numFmtId="176" fontId="2" fillId="0" borderId="7" xfId="1" applyNumberFormat="1" applyFont="1" applyFill="1" applyBorder="1" applyAlignment="1">
      <alignment vertical="top"/>
    </xf>
    <xf numFmtId="176" fontId="2" fillId="0" borderId="0" xfId="0" applyNumberFormat="1" applyFont="1" applyAlignment="1">
      <alignment vertical="top"/>
    </xf>
    <xf numFmtId="176" fontId="2" fillId="0" borderId="0" xfId="1" applyNumberFormat="1" applyFont="1" applyFill="1" applyBorder="1" applyAlignment="1">
      <alignment vertical="top"/>
    </xf>
    <xf numFmtId="177" fontId="2" fillId="0" borderId="8" xfId="0" applyNumberFormat="1" applyFont="1" applyBorder="1" applyAlignment="1">
      <alignment vertical="top"/>
    </xf>
    <xf numFmtId="178" fontId="2" fillId="0" borderId="20" xfId="0" applyNumberFormat="1" applyFont="1" applyBorder="1" applyAlignment="1">
      <alignment vertical="top"/>
    </xf>
    <xf numFmtId="0" fontId="2" fillId="0" borderId="7" xfId="0" applyFont="1" applyBorder="1" applyAlignment="1">
      <alignment horizontal="center"/>
    </xf>
    <xf numFmtId="0" fontId="2" fillId="0" borderId="22" xfId="0" applyFont="1" applyBorder="1" applyAlignment="1">
      <alignment horizontal="center" vertical="center" textRotation="255"/>
    </xf>
    <xf numFmtId="0" fontId="2" fillId="0" borderId="23" xfId="0" applyFont="1" applyBorder="1" applyAlignment="1">
      <alignment horizontal="center" vertical="center"/>
    </xf>
    <xf numFmtId="176" fontId="2" fillId="0" borderId="22" xfId="1" applyNumberFormat="1" applyFont="1" applyFill="1" applyBorder="1" applyAlignment="1">
      <alignment horizontal="center" vertical="center"/>
    </xf>
    <xf numFmtId="0" fontId="2" fillId="0" borderId="24" xfId="0" applyFont="1" applyBorder="1" applyAlignment="1">
      <alignment horizontal="center" vertical="center"/>
    </xf>
    <xf numFmtId="178" fontId="2" fillId="0" borderId="25" xfId="0" applyNumberFormat="1" applyFont="1" applyBorder="1" applyAlignment="1">
      <alignment horizontal="center" vertical="center"/>
    </xf>
    <xf numFmtId="0" fontId="2" fillId="0" borderId="27" xfId="0" applyFont="1" applyBorder="1" applyAlignment="1">
      <alignment horizontal="center" vertical="center" textRotation="255"/>
    </xf>
    <xf numFmtId="0" fontId="2" fillId="0" borderId="28" xfId="0" applyFont="1" applyBorder="1" applyAlignment="1">
      <alignment horizontal="center" vertical="center"/>
    </xf>
    <xf numFmtId="176" fontId="2" fillId="0" borderId="27" xfId="1" applyNumberFormat="1" applyFont="1" applyFill="1" applyBorder="1" applyAlignment="1">
      <alignment horizontal="center" vertical="center"/>
    </xf>
    <xf numFmtId="0" fontId="2" fillId="0" borderId="29" xfId="0" applyFont="1" applyBorder="1" applyAlignment="1">
      <alignment horizontal="center" vertical="center"/>
    </xf>
    <xf numFmtId="178" fontId="2" fillId="0" borderId="30" xfId="0" applyNumberFormat="1" applyFont="1" applyBorder="1" applyAlignment="1">
      <alignment horizontal="center" vertical="center"/>
    </xf>
    <xf numFmtId="0" fontId="2" fillId="0" borderId="7" xfId="0" applyFont="1" applyBorder="1" applyAlignment="1">
      <alignment horizontal="center" vertical="center" wrapText="1"/>
    </xf>
    <xf numFmtId="0" fontId="0" fillId="0" borderId="28" xfId="0" applyBorder="1" applyAlignment="1">
      <alignment horizontal="center" vertical="center"/>
    </xf>
    <xf numFmtId="178" fontId="0" fillId="0" borderId="30" xfId="0" applyNumberFormat="1" applyBorder="1" applyAlignment="1">
      <alignment horizontal="center" vertical="center"/>
    </xf>
    <xf numFmtId="0" fontId="2" fillId="0" borderId="0" xfId="0" applyFont="1" applyAlignment="1">
      <alignment horizontal="left" vertical="top"/>
    </xf>
    <xf numFmtId="176" fontId="2" fillId="0" borderId="13" xfId="1" applyNumberFormat="1" applyFont="1" applyFill="1" applyBorder="1" applyAlignment="1">
      <alignment horizontal="center" vertical="center"/>
    </xf>
    <xf numFmtId="178" fontId="2" fillId="0" borderId="31" xfId="0" applyNumberFormat="1" applyFont="1" applyBorder="1" applyAlignment="1">
      <alignment horizontal="center" vertical="center"/>
    </xf>
    <xf numFmtId="0" fontId="7" fillId="0" borderId="0" xfId="0" applyFont="1" applyAlignment="1">
      <alignment horizontal="left" shrinkToFit="1"/>
    </xf>
    <xf numFmtId="0" fontId="2" fillId="0" borderId="18" xfId="0" applyFont="1" applyBorder="1" applyAlignment="1">
      <alignment horizontal="center" vertical="center" textRotation="255"/>
    </xf>
    <xf numFmtId="178" fontId="2" fillId="0" borderId="3" xfId="0" applyNumberFormat="1" applyFont="1" applyBorder="1" applyAlignment="1">
      <alignment horizontal="center" vertical="center"/>
    </xf>
    <xf numFmtId="0" fontId="2" fillId="0" borderId="0" xfId="0" applyFont="1" applyAlignment="1">
      <alignment horizontal="left" vertical="center" wrapText="1"/>
    </xf>
    <xf numFmtId="176" fontId="2" fillId="0" borderId="7" xfId="1" applyNumberFormat="1" applyFont="1" applyFill="1" applyBorder="1" applyAlignment="1">
      <alignment horizontal="center" vertical="center"/>
    </xf>
    <xf numFmtId="0" fontId="2" fillId="0" borderId="8" xfId="0" applyFont="1" applyBorder="1" applyAlignment="1">
      <alignment horizontal="center" vertical="center"/>
    </xf>
    <xf numFmtId="178" fontId="2" fillId="0" borderId="20" xfId="0" applyNumberFormat="1" applyFont="1" applyBorder="1" applyAlignment="1">
      <alignment horizontal="center" vertical="center"/>
    </xf>
    <xf numFmtId="0" fontId="2" fillId="0" borderId="22" xfId="0" applyFont="1" applyBorder="1" applyAlignment="1">
      <alignment horizontal="center" vertical="center" textRotation="255" wrapText="1"/>
    </xf>
    <xf numFmtId="0" fontId="2" fillId="0" borderId="23" xfId="0" applyFont="1" applyBorder="1" applyAlignment="1">
      <alignment vertical="top"/>
    </xf>
    <xf numFmtId="176" fontId="2" fillId="0" borderId="22" xfId="1" applyNumberFormat="1" applyFont="1" applyFill="1" applyBorder="1" applyAlignment="1">
      <alignment vertical="top"/>
    </xf>
    <xf numFmtId="176" fontId="2" fillId="0" borderId="23" xfId="0" applyNumberFormat="1" applyFont="1" applyBorder="1" applyAlignment="1">
      <alignment vertical="top"/>
    </xf>
    <xf numFmtId="177" fontId="2" fillId="0" borderId="24" xfId="0" applyNumberFormat="1" applyFont="1" applyBorder="1" applyAlignment="1">
      <alignment vertical="top"/>
    </xf>
    <xf numFmtId="178" fontId="2" fillId="0" borderId="25" xfId="0" applyNumberFormat="1" applyFont="1" applyBorder="1" applyAlignment="1">
      <alignment vertical="top"/>
    </xf>
    <xf numFmtId="0" fontId="2" fillId="0" borderId="32" xfId="0" applyFont="1" applyBorder="1" applyAlignment="1">
      <alignment horizontal="center" vertical="center" textRotation="255" wrapText="1"/>
    </xf>
    <xf numFmtId="0" fontId="2" fillId="0" borderId="28" xfId="0" applyFont="1" applyBorder="1" applyAlignment="1">
      <alignment horizontal="center" vertical="center" textRotation="255" wrapText="1"/>
    </xf>
    <xf numFmtId="0" fontId="2" fillId="0" borderId="28" xfId="0" applyFont="1" applyBorder="1" applyAlignment="1">
      <alignment vertical="top"/>
    </xf>
    <xf numFmtId="176" fontId="2" fillId="0" borderId="27" xfId="1" applyNumberFormat="1" applyFont="1" applyFill="1" applyBorder="1" applyAlignment="1">
      <alignment vertical="top"/>
    </xf>
    <xf numFmtId="176" fontId="2" fillId="0" borderId="28" xfId="0" applyNumberFormat="1" applyFont="1" applyBorder="1" applyAlignment="1">
      <alignment vertical="top"/>
    </xf>
    <xf numFmtId="177" fontId="2" fillId="0" borderId="29" xfId="0" applyNumberFormat="1" applyFont="1" applyBorder="1" applyAlignment="1">
      <alignment vertical="top"/>
    </xf>
    <xf numFmtId="178" fontId="2" fillId="0" borderId="30" xfId="0" applyNumberFormat="1" applyFont="1" applyBorder="1" applyAlignment="1">
      <alignment vertical="top"/>
    </xf>
    <xf numFmtId="0" fontId="8" fillId="0" borderId="33" xfId="0" applyFont="1" applyBorder="1" applyAlignment="1">
      <alignment horizontal="center" vertical="center"/>
    </xf>
    <xf numFmtId="176" fontId="8" fillId="0" borderId="7" xfId="1" applyNumberFormat="1" applyFont="1" applyFill="1" applyBorder="1" applyAlignment="1">
      <alignment vertical="center"/>
    </xf>
    <xf numFmtId="176" fontId="8" fillId="0" borderId="0" xfId="0" applyNumberFormat="1" applyFont="1" applyAlignment="1">
      <alignment vertical="center"/>
    </xf>
    <xf numFmtId="177" fontId="8" fillId="0" borderId="8" xfId="0" applyNumberFormat="1" applyFont="1" applyBorder="1" applyAlignment="1">
      <alignment vertical="center"/>
    </xf>
    <xf numFmtId="179" fontId="8" fillId="0" borderId="10" xfId="0" applyNumberFormat="1" applyFont="1" applyBorder="1" applyAlignment="1">
      <alignment vertical="top"/>
    </xf>
    <xf numFmtId="0" fontId="2" fillId="0" borderId="33" xfId="0" applyFont="1" applyBorder="1" applyAlignment="1">
      <alignment horizontal="center" vertical="center" textRotation="255" wrapText="1"/>
    </xf>
    <xf numFmtId="0" fontId="2" fillId="0" borderId="0" xfId="0" applyFont="1" applyAlignment="1">
      <alignment horizontal="center" vertical="center" textRotation="255" wrapText="1"/>
    </xf>
    <xf numFmtId="176" fontId="2" fillId="0" borderId="20" xfId="0" applyNumberFormat="1" applyFont="1" applyBorder="1" applyAlignment="1">
      <alignment vertical="top"/>
    </xf>
    <xf numFmtId="0" fontId="2" fillId="0" borderId="33" xfId="0" applyFont="1" applyBorder="1" applyAlignment="1">
      <alignment horizontal="center" vertical="center"/>
    </xf>
    <xf numFmtId="0" fontId="2" fillId="0" borderId="7" xfId="0" applyFont="1" applyBorder="1" applyAlignment="1">
      <alignment horizontal="center" vertical="center"/>
    </xf>
    <xf numFmtId="56" fontId="9" fillId="0" borderId="11" xfId="0" applyNumberFormat="1" applyFont="1" applyBorder="1" applyAlignment="1">
      <alignment horizontal="centerContinuous" vertical="center"/>
    </xf>
    <xf numFmtId="0" fontId="2" fillId="0" borderId="11" xfId="0" applyFont="1" applyBorder="1" applyAlignment="1">
      <alignment horizontal="centerContinuous" vertical="center"/>
    </xf>
    <xf numFmtId="0" fontId="9" fillId="0" borderId="5" xfId="0" applyFont="1" applyBorder="1" applyAlignment="1">
      <alignment horizontal="center" vertical="center"/>
    </xf>
    <xf numFmtId="0" fontId="9" fillId="0" borderId="9" xfId="0" applyFont="1" applyBorder="1" applyAlignment="1">
      <alignment horizontal="center" vertical="center"/>
    </xf>
    <xf numFmtId="0" fontId="2" fillId="0" borderId="34" xfId="0" applyFont="1" applyBorder="1" applyAlignment="1">
      <alignment horizontal="center" vertical="center" textRotation="255"/>
    </xf>
    <xf numFmtId="0" fontId="10" fillId="0" borderId="18" xfId="0" applyFont="1" applyBorder="1" applyAlignment="1">
      <alignment horizontal="center" vertical="center" wrapText="1"/>
    </xf>
    <xf numFmtId="0" fontId="10" fillId="0" borderId="7" xfId="0" applyFont="1" applyBorder="1" applyAlignment="1">
      <alignment horizontal="center" vertical="center" wrapText="1"/>
    </xf>
    <xf numFmtId="0" fontId="2" fillId="0" borderId="0" xfId="0" applyFont="1" applyAlignment="1">
      <alignment horizontal="left" vertical="center"/>
    </xf>
    <xf numFmtId="0" fontId="8" fillId="0" borderId="0" xfId="0" applyFont="1" applyAlignment="1">
      <alignment horizontal="center" vertical="center"/>
    </xf>
    <xf numFmtId="177" fontId="8" fillId="0" borderId="20" xfId="0" applyNumberFormat="1" applyFont="1" applyBorder="1" applyAlignment="1">
      <alignment vertical="center"/>
    </xf>
    <xf numFmtId="0" fontId="10" fillId="0" borderId="22" xfId="0" applyFont="1" applyBorder="1" applyAlignment="1">
      <alignment horizontal="center" vertical="center" wrapText="1"/>
    </xf>
    <xf numFmtId="178" fontId="2" fillId="0" borderId="10" xfId="0" applyNumberFormat="1" applyFont="1" applyBorder="1" applyAlignment="1">
      <alignment horizontal="center" vertical="center"/>
    </xf>
    <xf numFmtId="178" fontId="2" fillId="0" borderId="6" xfId="0" applyNumberFormat="1" applyFont="1" applyBorder="1" applyAlignment="1">
      <alignment vertical="top"/>
    </xf>
    <xf numFmtId="176" fontId="8" fillId="0" borderId="0" xfId="0" quotePrefix="1" applyNumberFormat="1" applyFont="1" applyAlignment="1">
      <alignment horizontal="right" vertical="center"/>
    </xf>
    <xf numFmtId="178" fontId="2" fillId="0" borderId="10" xfId="0" applyNumberFormat="1" applyFont="1" applyBorder="1" applyAlignment="1">
      <alignment vertical="top"/>
    </xf>
    <xf numFmtId="0" fontId="2" fillId="0" borderId="35" xfId="0" applyFont="1" applyBorder="1" applyAlignment="1">
      <alignment horizontal="center" vertical="center" textRotation="255"/>
    </xf>
    <xf numFmtId="178" fontId="2" fillId="0" borderId="36" xfId="0" applyNumberFormat="1" applyFont="1" applyBorder="1" applyAlignment="1">
      <alignment horizontal="center" vertical="center"/>
    </xf>
    <xf numFmtId="180" fontId="8" fillId="0" borderId="0" xfId="0" applyNumberFormat="1" applyFont="1" applyAlignment="1">
      <alignment vertical="center"/>
    </xf>
    <xf numFmtId="0" fontId="2" fillId="0" borderId="14" xfId="0" applyFont="1" applyBorder="1" applyAlignment="1">
      <alignment horizontal="center" vertical="center" textRotation="255"/>
    </xf>
    <xf numFmtId="0" fontId="2" fillId="0" borderId="0" xfId="0" applyFont="1"/>
    <xf numFmtId="176" fontId="2" fillId="0" borderId="0" xfId="0" applyNumberFormat="1" applyFont="1"/>
    <xf numFmtId="0" fontId="2" fillId="0" borderId="35" xfId="0" applyFont="1" applyBorder="1"/>
    <xf numFmtId="0" fontId="2" fillId="0" borderId="2" xfId="0" applyFont="1" applyBorder="1"/>
    <xf numFmtId="176" fontId="2" fillId="0" borderId="2" xfId="0" applyNumberFormat="1" applyFont="1" applyBorder="1"/>
    <xf numFmtId="176" fontId="2" fillId="0" borderId="3" xfId="0" applyNumberFormat="1" applyFont="1" applyBorder="1"/>
    <xf numFmtId="0" fontId="2" fillId="0" borderId="33" xfId="0" applyFont="1" applyBorder="1"/>
    <xf numFmtId="176" fontId="2" fillId="0" borderId="8" xfId="1" applyNumberFormat="1" applyFont="1" applyFill="1" applyBorder="1" applyAlignment="1">
      <alignment horizontal="center"/>
    </xf>
    <xf numFmtId="176" fontId="2" fillId="0" borderId="5" xfId="1" applyNumberFormat="1" applyFont="1" applyFill="1" applyBorder="1" applyAlignment="1">
      <alignment horizontal="center"/>
    </xf>
    <xf numFmtId="176" fontId="2" fillId="0" borderId="9" xfId="1" applyNumberFormat="1" applyFont="1" applyFill="1" applyBorder="1" applyAlignment="1">
      <alignment horizontal="center"/>
    </xf>
    <xf numFmtId="0" fontId="2" fillId="0" borderId="33" xfId="0" applyFont="1" applyBorder="1" applyAlignment="1">
      <alignment horizontal="center"/>
    </xf>
    <xf numFmtId="0" fontId="2" fillId="0" borderId="0" xfId="0" applyFont="1" applyAlignment="1">
      <alignment horizontal="center"/>
    </xf>
    <xf numFmtId="0" fontId="2" fillId="0" borderId="8" xfId="0" applyFont="1" applyBorder="1" applyAlignment="1">
      <alignment horizontal="center"/>
    </xf>
    <xf numFmtId="0" fontId="2" fillId="0" borderId="9" xfId="0" applyFont="1" applyBorder="1" applyAlignment="1">
      <alignment horizontal="center"/>
    </xf>
    <xf numFmtId="0" fontId="2" fillId="0" borderId="34" xfId="0" applyFont="1" applyBorder="1"/>
    <xf numFmtId="0" fontId="2" fillId="0" borderId="14" xfId="0" applyFont="1" applyBorder="1"/>
    <xf numFmtId="176" fontId="2" fillId="0" borderId="16" xfId="0" applyNumberFormat="1" applyFont="1" applyBorder="1"/>
    <xf numFmtId="176" fontId="2" fillId="0" borderId="15" xfId="0" applyNumberFormat="1" applyFont="1" applyBorder="1"/>
    <xf numFmtId="0" fontId="2" fillId="0" borderId="15" xfId="0" applyFont="1" applyBorder="1"/>
    <xf numFmtId="176" fontId="2" fillId="0" borderId="17" xfId="0" applyNumberFormat="1" applyFont="1" applyBorder="1"/>
    <xf numFmtId="176" fontId="2" fillId="0" borderId="19" xfId="0" applyNumberFormat="1" applyFont="1" applyBorder="1"/>
    <xf numFmtId="176" fontId="2" fillId="0" borderId="18" xfId="0" applyNumberFormat="1" applyFont="1" applyBorder="1"/>
    <xf numFmtId="0" fontId="2" fillId="0" borderId="19" xfId="0" applyFont="1" applyBorder="1"/>
    <xf numFmtId="176" fontId="2" fillId="0" borderId="8" xfId="0" applyNumberFormat="1" applyFont="1" applyBorder="1"/>
    <xf numFmtId="177" fontId="2" fillId="0" borderId="8" xfId="0" applyNumberFormat="1" applyFont="1" applyBorder="1"/>
    <xf numFmtId="0" fontId="11" fillId="0" borderId="0" xfId="0" applyFont="1"/>
    <xf numFmtId="176" fontId="11" fillId="0" borderId="8" xfId="0" applyNumberFormat="1" applyFont="1" applyBorder="1"/>
    <xf numFmtId="176" fontId="2" fillId="0" borderId="7" xfId="0" applyNumberFormat="1" applyFont="1" applyBorder="1"/>
    <xf numFmtId="178" fontId="2" fillId="0" borderId="20" xfId="0" applyNumberFormat="1" applyFont="1" applyBorder="1" applyAlignment="1">
      <alignment horizontal="right"/>
    </xf>
    <xf numFmtId="0" fontId="2" fillId="0" borderId="32" xfId="0" applyFont="1" applyBorder="1"/>
    <xf numFmtId="0" fontId="2" fillId="0" borderId="28" xfId="0" applyFont="1" applyBorder="1"/>
    <xf numFmtId="176" fontId="2" fillId="0" borderId="29" xfId="0" applyNumberFormat="1" applyFont="1" applyBorder="1"/>
    <xf numFmtId="176" fontId="2" fillId="0" borderId="27" xfId="0" applyNumberFormat="1" applyFont="1" applyBorder="1"/>
    <xf numFmtId="176" fontId="2" fillId="0" borderId="28" xfId="0" applyNumberFormat="1" applyFont="1" applyBorder="1"/>
    <xf numFmtId="177" fontId="2" fillId="0" borderId="29" xfId="0" applyNumberFormat="1" applyFont="1" applyBorder="1"/>
    <xf numFmtId="178" fontId="2" fillId="0" borderId="30" xfId="0" applyNumberFormat="1" applyFont="1" applyBorder="1" applyAlignment="1">
      <alignment horizontal="right"/>
    </xf>
    <xf numFmtId="0" fontId="8" fillId="0" borderId="34" xfId="0" applyFont="1" applyBorder="1" applyAlignment="1">
      <alignment horizontal="centerContinuous"/>
    </xf>
    <xf numFmtId="0" fontId="8" fillId="0" borderId="14" xfId="0" applyFont="1" applyBorder="1" applyAlignment="1">
      <alignment horizontal="centerContinuous"/>
    </xf>
    <xf numFmtId="176" fontId="2" fillId="0" borderId="13" xfId="0" applyNumberFormat="1" applyFont="1" applyBorder="1"/>
    <xf numFmtId="176" fontId="2" fillId="0" borderId="14" xfId="0" applyNumberFormat="1" applyFont="1" applyBorder="1"/>
    <xf numFmtId="177" fontId="2" fillId="0" borderId="14" xfId="0" applyNumberFormat="1" applyFont="1" applyBorder="1"/>
    <xf numFmtId="177" fontId="2" fillId="0" borderId="16" xfId="0" applyNumberFormat="1" applyFont="1" applyBorder="1"/>
    <xf numFmtId="176" fontId="2" fillId="0" borderId="31" xfId="0" applyNumberFormat="1" applyFont="1" applyBorder="1"/>
    <xf numFmtId="0" fontId="4" fillId="0" borderId="0" xfId="3" applyFont="1"/>
    <xf numFmtId="0" fontId="2" fillId="0" borderId="0" xfId="3" applyFont="1" applyAlignment="1">
      <alignment vertical="top"/>
    </xf>
    <xf numFmtId="0" fontId="4" fillId="0" borderId="0" xfId="3" applyFont="1" applyAlignment="1">
      <alignment vertical="top"/>
    </xf>
    <xf numFmtId="176" fontId="2" fillId="0" borderId="0" xfId="3" applyNumberFormat="1" applyFont="1" applyAlignment="1">
      <alignment vertical="top"/>
    </xf>
    <xf numFmtId="177" fontId="2" fillId="0" borderId="0" xfId="3" applyNumberFormat="1" applyFont="1" applyAlignment="1">
      <alignment vertical="top"/>
    </xf>
    <xf numFmtId="180" fontId="2" fillId="0" borderId="0" xfId="3" applyNumberFormat="1" applyFont="1" applyAlignment="1">
      <alignment vertical="top"/>
    </xf>
    <xf numFmtId="0" fontId="12" fillId="0" borderId="0" xfId="3" applyFont="1"/>
    <xf numFmtId="0" fontId="12" fillId="0" borderId="0" xfId="3" applyFont="1" applyAlignment="1">
      <alignment vertical="top"/>
    </xf>
    <xf numFmtId="0" fontId="2" fillId="0" borderId="0" xfId="3" applyFont="1"/>
    <xf numFmtId="176" fontId="2" fillId="0" borderId="0" xfId="3" applyNumberFormat="1" applyFont="1"/>
    <xf numFmtId="0" fontId="2" fillId="0" borderId="0" xfId="3" quotePrefix="1" applyFont="1"/>
    <xf numFmtId="177" fontId="2" fillId="0" borderId="0" xfId="3" applyNumberFormat="1" applyFont="1"/>
    <xf numFmtId="180" fontId="2" fillId="0" borderId="0" xfId="3" applyNumberFormat="1" applyFont="1"/>
    <xf numFmtId="0" fontId="2" fillId="0" borderId="35" xfId="3" applyFont="1" applyBorder="1"/>
    <xf numFmtId="0" fontId="2" fillId="0" borderId="2" xfId="3" applyFont="1" applyBorder="1"/>
    <xf numFmtId="176" fontId="2" fillId="0" borderId="2" xfId="1" applyNumberFormat="1" applyFont="1" applyFill="1" applyBorder="1" applyAlignment="1">
      <alignment horizontal="center"/>
    </xf>
    <xf numFmtId="0" fontId="2" fillId="0" borderId="2" xfId="3" applyFont="1" applyBorder="1" applyAlignment="1">
      <alignment horizontal="center"/>
    </xf>
    <xf numFmtId="176" fontId="2" fillId="0" borderId="3" xfId="3" applyNumberFormat="1" applyFont="1" applyBorder="1" applyAlignment="1">
      <alignment horizontal="center"/>
    </xf>
    <xf numFmtId="0" fontId="2" fillId="0" borderId="33" xfId="3" applyFont="1" applyBorder="1"/>
    <xf numFmtId="56" fontId="2" fillId="0" borderId="5" xfId="3" applyNumberFormat="1" applyFont="1" applyBorder="1" applyAlignment="1">
      <alignment horizontal="center" vertical="center"/>
    </xf>
    <xf numFmtId="0" fontId="2" fillId="0" borderId="9" xfId="3" applyFont="1" applyBorder="1" applyAlignment="1">
      <alignment horizontal="center" vertical="center"/>
    </xf>
    <xf numFmtId="0" fontId="2" fillId="0" borderId="0" xfId="3" applyFont="1" applyAlignment="1">
      <alignment horizontal="center"/>
    </xf>
    <xf numFmtId="0" fontId="2" fillId="0" borderId="8" xfId="3" applyFont="1" applyBorder="1" applyAlignment="1">
      <alignment horizontal="center"/>
    </xf>
    <xf numFmtId="0" fontId="2" fillId="0" borderId="0" xfId="3" applyFont="1" applyAlignment="1">
      <alignment horizontal="centerContinuous" vertical="center"/>
    </xf>
    <xf numFmtId="0" fontId="2" fillId="0" borderId="7" xfId="3" applyFont="1" applyBorder="1" applyAlignment="1">
      <alignment horizontal="center" vertical="center"/>
    </xf>
    <xf numFmtId="0" fontId="2" fillId="0" borderId="34" xfId="3" applyFont="1" applyBorder="1"/>
    <xf numFmtId="0" fontId="2" fillId="0" borderId="14" xfId="3" applyFont="1" applyBorder="1" applyAlignment="1">
      <alignment horizontal="center"/>
    </xf>
    <xf numFmtId="0" fontId="2" fillId="0" borderId="16" xfId="3" applyFont="1" applyBorder="1" applyAlignment="1">
      <alignment horizontal="center"/>
    </xf>
    <xf numFmtId="0" fontId="2" fillId="0" borderId="13" xfId="3" applyFont="1" applyBorder="1" applyAlignment="1">
      <alignment horizontal="center" vertical="center"/>
    </xf>
    <xf numFmtId="0" fontId="2" fillId="0" borderId="15" xfId="3" applyFont="1" applyBorder="1" applyAlignment="1">
      <alignment horizontal="center" vertical="center"/>
    </xf>
    <xf numFmtId="176" fontId="2" fillId="0" borderId="17" xfId="3" applyNumberFormat="1" applyFont="1" applyBorder="1" applyAlignment="1">
      <alignment horizontal="center"/>
    </xf>
    <xf numFmtId="176" fontId="2" fillId="0" borderId="18" xfId="1" applyNumberFormat="1" applyFont="1" applyFill="1" applyBorder="1" applyAlignment="1">
      <alignment horizontal="center"/>
    </xf>
    <xf numFmtId="176" fontId="2" fillId="0" borderId="36" xfId="3" applyNumberFormat="1" applyFont="1" applyBorder="1" applyAlignment="1">
      <alignment horizontal="center"/>
    </xf>
    <xf numFmtId="176" fontId="2" fillId="0" borderId="7" xfId="3" applyNumberFormat="1" applyFont="1" applyBorder="1"/>
    <xf numFmtId="181" fontId="2" fillId="0" borderId="0" xfId="3" applyNumberFormat="1" applyFont="1" applyAlignment="1">
      <alignment horizontal="right"/>
    </xf>
    <xf numFmtId="177" fontId="2" fillId="0" borderId="8" xfId="2" applyNumberFormat="1" applyFont="1" applyBorder="1"/>
    <xf numFmtId="182" fontId="2" fillId="0" borderId="10" xfId="3" applyNumberFormat="1" applyFont="1" applyBorder="1"/>
    <xf numFmtId="0" fontId="10" fillId="0" borderId="0" xfId="3" applyFont="1"/>
    <xf numFmtId="0" fontId="8" fillId="0" borderId="0" xfId="3" applyFont="1" applyAlignment="1">
      <alignment horizontal="left"/>
    </xf>
    <xf numFmtId="176" fontId="8" fillId="0" borderId="7" xfId="3" applyNumberFormat="1" applyFont="1" applyBorder="1"/>
    <xf numFmtId="181" fontId="8" fillId="0" borderId="0" xfId="3" applyNumberFormat="1" applyFont="1" applyAlignment="1">
      <alignment horizontal="right"/>
    </xf>
    <xf numFmtId="177" fontId="8" fillId="0" borderId="8" xfId="2" applyNumberFormat="1" applyFont="1" applyBorder="1"/>
    <xf numFmtId="183" fontId="8" fillId="0" borderId="10" xfId="0" quotePrefix="1" applyNumberFormat="1" applyFont="1" applyBorder="1" applyAlignment="1">
      <alignment horizontal="right"/>
    </xf>
    <xf numFmtId="0" fontId="8" fillId="0" borderId="0" xfId="3" applyFont="1"/>
    <xf numFmtId="0" fontId="8" fillId="0" borderId="0" xfId="3" applyFont="1" applyAlignment="1">
      <alignment horizontal="center"/>
    </xf>
    <xf numFmtId="0" fontId="2" fillId="0" borderId="32" xfId="3" applyFont="1" applyBorder="1"/>
    <xf numFmtId="0" fontId="8" fillId="0" borderId="28" xfId="3" applyFont="1" applyBorder="1" applyAlignment="1">
      <alignment horizontal="center"/>
    </xf>
    <xf numFmtId="176" fontId="2" fillId="0" borderId="27" xfId="3" applyNumberFormat="1" applyFont="1" applyBorder="1"/>
    <xf numFmtId="181" fontId="2" fillId="0" borderId="28" xfId="3" applyNumberFormat="1" applyFont="1" applyBorder="1" applyAlignment="1">
      <alignment horizontal="right"/>
    </xf>
    <xf numFmtId="177" fontId="2" fillId="0" borderId="28" xfId="3" applyNumberFormat="1" applyFont="1" applyBorder="1"/>
    <xf numFmtId="182" fontId="2" fillId="0" borderId="6" xfId="3" applyNumberFormat="1" applyFont="1" applyBorder="1"/>
    <xf numFmtId="0" fontId="8" fillId="0" borderId="14" xfId="3" applyFont="1" applyBorder="1" applyAlignment="1">
      <alignment horizontal="center"/>
    </xf>
    <xf numFmtId="176" fontId="2" fillId="0" borderId="13" xfId="3" applyNumberFormat="1" applyFont="1" applyBorder="1"/>
    <xf numFmtId="181" fontId="2" fillId="0" borderId="14" xfId="3" applyNumberFormat="1" applyFont="1" applyBorder="1" applyAlignment="1">
      <alignment horizontal="right"/>
    </xf>
    <xf numFmtId="177" fontId="2" fillId="0" borderId="14" xfId="3" applyNumberFormat="1" applyFont="1" applyBorder="1"/>
    <xf numFmtId="176" fontId="2" fillId="0" borderId="17" xfId="3" applyNumberFormat="1" applyFont="1" applyBorder="1"/>
    <xf numFmtId="0" fontId="7" fillId="0" borderId="0" xfId="0" applyFont="1" applyAlignment="1">
      <alignment shrinkToFit="1"/>
    </xf>
    <xf numFmtId="182" fontId="2" fillId="0" borderId="10" xfId="3" applyNumberFormat="1" applyFont="1" applyBorder="1" applyAlignment="1">
      <alignment horizontal="right"/>
    </xf>
    <xf numFmtId="176" fontId="8" fillId="0" borderId="7" xfId="3" applyNumberFormat="1" applyFont="1" applyBorder="1" applyAlignment="1">
      <alignment horizontal="right"/>
    </xf>
    <xf numFmtId="176" fontId="8" fillId="0" borderId="0" xfId="3" applyNumberFormat="1" applyFont="1" applyAlignment="1">
      <alignment horizontal="right"/>
    </xf>
    <xf numFmtId="177" fontId="8" fillId="0" borderId="0" xfId="3" applyNumberFormat="1" applyFont="1"/>
    <xf numFmtId="177" fontId="8" fillId="0" borderId="0" xfId="3" applyNumberFormat="1" applyFont="1" applyAlignment="1">
      <alignment horizontal="right"/>
    </xf>
    <xf numFmtId="176" fontId="2" fillId="0" borderId="10" xfId="3" applyNumberFormat="1" applyFont="1" applyBorder="1"/>
    <xf numFmtId="176" fontId="2" fillId="0" borderId="6" xfId="3" applyNumberFormat="1" applyFont="1" applyBorder="1"/>
    <xf numFmtId="176" fontId="8" fillId="0" borderId="0" xfId="3" applyNumberFormat="1" applyFont="1"/>
    <xf numFmtId="176" fontId="2" fillId="0" borderId="14" xfId="3" applyNumberFormat="1" applyFont="1" applyBorder="1"/>
    <xf numFmtId="0" fontId="8" fillId="0" borderId="0" xfId="0" applyFont="1"/>
    <xf numFmtId="0" fontId="2" fillId="0" borderId="0" xfId="3" applyFont="1" applyAlignment="1">
      <alignment horizontal="left"/>
    </xf>
    <xf numFmtId="0" fontId="2" fillId="0" borderId="37" xfId="3" applyFont="1" applyBorder="1"/>
    <xf numFmtId="0" fontId="8" fillId="0" borderId="23" xfId="3" applyFont="1" applyBorder="1" applyAlignment="1">
      <alignment horizontal="center"/>
    </xf>
    <xf numFmtId="176" fontId="2" fillId="0" borderId="22" xfId="3" applyNumberFormat="1" applyFont="1" applyBorder="1"/>
    <xf numFmtId="181" fontId="2" fillId="0" borderId="23" xfId="3" applyNumberFormat="1" applyFont="1" applyBorder="1" applyAlignment="1">
      <alignment horizontal="right"/>
    </xf>
    <xf numFmtId="177" fontId="2" fillId="0" borderId="23" xfId="3" applyNumberFormat="1" applyFont="1" applyBorder="1"/>
    <xf numFmtId="176" fontId="2" fillId="0" borderId="38" xfId="3" applyNumberFormat="1" applyFont="1" applyBorder="1"/>
    <xf numFmtId="0" fontId="2" fillId="0" borderId="0" xfId="0" applyFont="1" applyAlignment="1">
      <alignment shrinkToFit="1"/>
    </xf>
    <xf numFmtId="0" fontId="4" fillId="0" borderId="0" xfId="0" applyFont="1" applyAlignment="1">
      <alignment vertical="top"/>
    </xf>
    <xf numFmtId="177" fontId="2" fillId="0" borderId="0" xfId="0" applyNumberFormat="1" applyFont="1" applyAlignment="1">
      <alignment vertical="top"/>
    </xf>
    <xf numFmtId="180" fontId="2" fillId="0" borderId="0" xfId="0" applyNumberFormat="1" applyFont="1" applyAlignment="1">
      <alignment vertical="top"/>
    </xf>
    <xf numFmtId="177" fontId="2" fillId="0" borderId="0" xfId="0" applyNumberFormat="1" applyFont="1"/>
    <xf numFmtId="180" fontId="2" fillId="0" borderId="0" xfId="0" applyNumberFormat="1" applyFont="1"/>
    <xf numFmtId="0" fontId="2" fillId="0" borderId="2" xfId="0" applyFont="1" applyBorder="1" applyAlignment="1">
      <alignment horizontal="center"/>
    </xf>
    <xf numFmtId="176" fontId="2" fillId="0" borderId="3" xfId="0" applyNumberFormat="1" applyFont="1" applyBorder="1" applyAlignment="1">
      <alignment horizontal="center"/>
    </xf>
    <xf numFmtId="176" fontId="2" fillId="0" borderId="5" xfId="0" applyNumberFormat="1" applyFont="1" applyBorder="1" applyAlignment="1">
      <alignment horizontal="center"/>
    </xf>
    <xf numFmtId="0" fontId="2" fillId="0" borderId="11" xfId="0" applyFont="1" applyBorder="1" applyAlignment="1">
      <alignment horizontal="centerContinuous"/>
    </xf>
    <xf numFmtId="176" fontId="2" fillId="0" borderId="9" xfId="0" applyNumberFormat="1" applyFont="1" applyBorder="1" applyAlignment="1">
      <alignment horizontal="center"/>
    </xf>
    <xf numFmtId="0" fontId="9" fillId="0" borderId="5" xfId="0" applyFont="1" applyBorder="1" applyAlignment="1">
      <alignment horizontal="center"/>
    </xf>
    <xf numFmtId="0" fontId="2" fillId="0" borderId="5" xfId="0" applyFont="1" applyBorder="1" applyAlignment="1">
      <alignment horizontal="centerContinuous"/>
    </xf>
    <xf numFmtId="0" fontId="9" fillId="0" borderId="9" xfId="0" applyFont="1" applyBorder="1" applyAlignment="1">
      <alignment horizontal="center"/>
    </xf>
    <xf numFmtId="0" fontId="2" fillId="0" borderId="14" xfId="0" applyFont="1" applyBorder="1" applyAlignment="1">
      <alignment horizontal="center"/>
    </xf>
    <xf numFmtId="0" fontId="2" fillId="0" borderId="16" xfId="0" applyFont="1" applyBorder="1" applyAlignment="1">
      <alignment horizontal="center"/>
    </xf>
    <xf numFmtId="176" fontId="2" fillId="0" borderId="15" xfId="1" applyNumberFormat="1" applyFont="1" applyFill="1" applyBorder="1" applyAlignment="1">
      <alignment horizontal="center"/>
    </xf>
    <xf numFmtId="0" fontId="2" fillId="0" borderId="15" xfId="0" applyFont="1" applyBorder="1" applyAlignment="1">
      <alignment horizontal="center"/>
    </xf>
    <xf numFmtId="176" fontId="2" fillId="0" borderId="17" xfId="0" applyNumberFormat="1" applyFont="1" applyBorder="1" applyAlignment="1">
      <alignment horizontal="center"/>
    </xf>
    <xf numFmtId="0" fontId="2" fillId="0" borderId="19" xfId="0" applyFont="1" applyBorder="1" applyAlignment="1">
      <alignment horizontal="center"/>
    </xf>
    <xf numFmtId="176" fontId="2" fillId="0" borderId="36" xfId="0" applyNumberFormat="1" applyFont="1" applyBorder="1" applyAlignment="1">
      <alignment horizontal="center"/>
    </xf>
    <xf numFmtId="176" fontId="2" fillId="0" borderId="0" xfId="0" applyNumberFormat="1" applyFont="1" applyAlignment="1">
      <alignment horizontal="right"/>
    </xf>
    <xf numFmtId="181" fontId="2" fillId="0" borderId="0" xfId="0" applyNumberFormat="1" applyFont="1" applyAlignment="1">
      <alignment horizontal="right"/>
    </xf>
    <xf numFmtId="177" fontId="2" fillId="0" borderId="10" xfId="0" applyNumberFormat="1" applyFont="1" applyBorder="1"/>
    <xf numFmtId="0" fontId="8" fillId="0" borderId="0" xfId="0" applyFont="1" applyAlignment="1">
      <alignment horizontal="center"/>
    </xf>
    <xf numFmtId="0" fontId="8" fillId="0" borderId="28" xfId="0" applyFont="1" applyBorder="1" applyAlignment="1">
      <alignment horizontal="center"/>
    </xf>
    <xf numFmtId="181" fontId="2" fillId="0" borderId="28" xfId="0" applyNumberFormat="1" applyFont="1" applyBorder="1" applyAlignment="1">
      <alignment horizontal="right"/>
    </xf>
    <xf numFmtId="177" fontId="2" fillId="0" borderId="6" xfId="0" applyNumberFormat="1" applyFont="1" applyBorder="1"/>
    <xf numFmtId="176" fontId="8" fillId="0" borderId="0" xfId="0" applyNumberFormat="1" applyFont="1"/>
    <xf numFmtId="181" fontId="8" fillId="0" borderId="0" xfId="0" applyNumberFormat="1" applyFont="1" applyAlignment="1">
      <alignment horizontal="right"/>
    </xf>
    <xf numFmtId="177" fontId="8" fillId="0" borderId="8" xfId="0" applyNumberFormat="1" applyFont="1" applyBorder="1"/>
    <xf numFmtId="177" fontId="8" fillId="0" borderId="10" xfId="0" applyNumberFormat="1" applyFont="1" applyBorder="1"/>
    <xf numFmtId="0" fontId="8" fillId="0" borderId="14" xfId="0" applyFont="1" applyBorder="1" applyAlignment="1">
      <alignment horizontal="center"/>
    </xf>
    <xf numFmtId="181" fontId="2" fillId="0" borderId="14" xfId="0" applyNumberFormat="1" applyFont="1" applyBorder="1" applyAlignment="1">
      <alignment horizontal="right"/>
    </xf>
    <xf numFmtId="177" fontId="2" fillId="0" borderId="17" xfId="0" applyNumberFormat="1" applyFont="1" applyBorder="1"/>
    <xf numFmtId="0" fontId="2" fillId="0" borderId="0" xfId="0" applyFont="1" applyAlignment="1">
      <alignment wrapText="1"/>
    </xf>
    <xf numFmtId="56" fontId="2" fillId="0" borderId="5" xfId="0" applyNumberFormat="1" applyFont="1" applyBorder="1" applyAlignment="1">
      <alignment horizontal="centerContinuous"/>
    </xf>
    <xf numFmtId="0" fontId="2" fillId="0" borderId="9" xfId="0" applyFont="1" applyBorder="1" applyAlignment="1">
      <alignment horizontal="centerContinuous"/>
    </xf>
    <xf numFmtId="0" fontId="2" fillId="0" borderId="7" xfId="0" applyFont="1" applyBorder="1" applyAlignment="1">
      <alignment horizontal="centerContinuous"/>
    </xf>
    <xf numFmtId="0" fontId="2" fillId="0" borderId="0" xfId="0" applyFont="1" applyAlignment="1">
      <alignment horizontal="centerContinuous"/>
    </xf>
    <xf numFmtId="0" fontId="2" fillId="0" borderId="8" xfId="0" applyFont="1" applyBorder="1" applyAlignment="1">
      <alignment horizontal="centerContinuous"/>
    </xf>
    <xf numFmtId="0" fontId="2" fillId="0" borderId="13" xfId="0" applyFont="1" applyBorder="1" applyAlignment="1">
      <alignment horizontal="center"/>
    </xf>
    <xf numFmtId="176" fontId="2" fillId="0" borderId="10" xfId="0" applyNumberFormat="1" applyFont="1" applyBorder="1"/>
    <xf numFmtId="176" fontId="2" fillId="0" borderId="6" xfId="0" applyNumberFormat="1" applyFont="1" applyBorder="1"/>
    <xf numFmtId="176" fontId="8" fillId="0" borderId="7" xfId="0" applyNumberFormat="1" applyFont="1" applyBorder="1"/>
    <xf numFmtId="176" fontId="8" fillId="0" borderId="0" xfId="0" applyNumberFormat="1" applyFont="1" applyAlignment="1">
      <alignment horizontal="right"/>
    </xf>
    <xf numFmtId="0" fontId="2" fillId="0" borderId="0" xfId="0" applyFont="1" applyAlignment="1">
      <alignment horizontal="right"/>
    </xf>
    <xf numFmtId="177" fontId="2" fillId="0" borderId="10" xfId="0" applyNumberFormat="1" applyFont="1" applyBorder="1" applyAlignment="1">
      <alignment horizontal="right"/>
    </xf>
    <xf numFmtId="180" fontId="8" fillId="0" borderId="0" xfId="0" applyNumberFormat="1" applyFont="1"/>
    <xf numFmtId="178" fontId="2" fillId="0" borderId="10" xfId="0" applyNumberFormat="1" applyFont="1" applyBorder="1"/>
    <xf numFmtId="178" fontId="2" fillId="0" borderId="6" xfId="0" applyNumberFormat="1" applyFont="1" applyBorder="1"/>
    <xf numFmtId="176" fontId="8" fillId="0" borderId="0" xfId="0" quotePrefix="1" applyNumberFormat="1" applyFont="1" applyAlignment="1">
      <alignment horizontal="right"/>
    </xf>
    <xf numFmtId="0" fontId="7" fillId="0" borderId="0" xfId="0" applyFont="1" applyAlignment="1">
      <alignment horizontal="left" wrapText="1"/>
    </xf>
    <xf numFmtId="0" fontId="2" fillId="0" borderId="13" xfId="0" applyFont="1" applyBorder="1"/>
    <xf numFmtId="0" fontId="2" fillId="0" borderId="16" xfId="0" applyFont="1" applyBorder="1"/>
    <xf numFmtId="0" fontId="2" fillId="0" borderId="17" xfId="0" applyFont="1" applyBorder="1"/>
    <xf numFmtId="0" fontId="7" fillId="0" borderId="0" xfId="0" applyFont="1"/>
    <xf numFmtId="184" fontId="2" fillId="0" borderId="0" xfId="0" applyNumberFormat="1" applyFont="1" applyAlignment="1">
      <alignment horizontal="right"/>
    </xf>
    <xf numFmtId="180" fontId="2" fillId="0" borderId="0" xfId="0" applyNumberFormat="1" applyFont="1" applyAlignment="1">
      <alignment horizontal="right"/>
    </xf>
    <xf numFmtId="183" fontId="2" fillId="0" borderId="10" xfId="0" applyNumberFormat="1" applyFont="1" applyBorder="1"/>
    <xf numFmtId="180" fontId="8" fillId="0" borderId="7" xfId="0" applyNumberFormat="1" applyFont="1" applyBorder="1" applyAlignment="1">
      <alignment horizontal="right"/>
    </xf>
    <xf numFmtId="184" fontId="8" fillId="0" borderId="0" xfId="0" applyNumberFormat="1" applyFont="1" applyAlignment="1">
      <alignment horizontal="right"/>
    </xf>
    <xf numFmtId="180" fontId="8" fillId="0" borderId="0" xfId="0" applyNumberFormat="1" applyFont="1" applyAlignment="1">
      <alignment horizontal="right"/>
    </xf>
    <xf numFmtId="183" fontId="8" fillId="0" borderId="10" xfId="0" applyNumberFormat="1" applyFont="1" applyBorder="1"/>
    <xf numFmtId="0" fontId="9" fillId="0" borderId="0" xfId="0" applyFont="1"/>
    <xf numFmtId="185" fontId="2" fillId="0" borderId="0" xfId="0" applyNumberFormat="1" applyFont="1" applyAlignment="1">
      <alignment horizontal="right"/>
    </xf>
    <xf numFmtId="180" fontId="2" fillId="0" borderId="28" xfId="0" applyNumberFormat="1" applyFont="1" applyBorder="1" applyAlignment="1">
      <alignment horizontal="right"/>
    </xf>
    <xf numFmtId="185" fontId="2" fillId="0" borderId="28" xfId="0" applyNumberFormat="1" applyFont="1" applyBorder="1" applyAlignment="1">
      <alignment horizontal="right"/>
    </xf>
    <xf numFmtId="176" fontId="2" fillId="0" borderId="28" xfId="0" applyNumberFormat="1" applyFont="1" applyBorder="1" applyAlignment="1">
      <alignment horizontal="right"/>
    </xf>
    <xf numFmtId="180" fontId="2" fillId="0" borderId="14" xfId="0" applyNumberFormat="1" applyFont="1" applyBorder="1" applyAlignment="1">
      <alignment horizontal="right"/>
    </xf>
    <xf numFmtId="185" fontId="2" fillId="0" borderId="14" xfId="0" applyNumberFormat="1" applyFont="1" applyBorder="1" applyAlignment="1">
      <alignment horizontal="right"/>
    </xf>
    <xf numFmtId="176" fontId="2" fillId="0" borderId="14" xfId="0" applyNumberFormat="1" applyFont="1" applyBorder="1" applyAlignment="1">
      <alignment horizontal="right"/>
    </xf>
    <xf numFmtId="180" fontId="2" fillId="0" borderId="17" xfId="0" applyNumberFormat="1" applyFont="1" applyBorder="1"/>
    <xf numFmtId="176" fontId="2" fillId="0" borderId="0" xfId="1" applyNumberFormat="1" applyFont="1" applyFill="1" applyBorder="1" applyAlignment="1">
      <alignment horizontal="center"/>
    </xf>
    <xf numFmtId="176" fontId="2" fillId="0" borderId="0" xfId="0" applyNumberFormat="1" applyFont="1" applyAlignment="1">
      <alignment horizontal="center"/>
    </xf>
    <xf numFmtId="0" fontId="0" fillId="0" borderId="0" xfId="0" applyAlignment="1">
      <alignment horizontal="center"/>
    </xf>
    <xf numFmtId="176" fontId="0" fillId="0" borderId="36" xfId="0" applyNumberFormat="1" applyBorder="1" applyAlignment="1">
      <alignment horizontal="center"/>
    </xf>
    <xf numFmtId="176" fontId="2" fillId="0" borderId="2" xfId="0" applyNumberFormat="1" applyFont="1" applyBorder="1" applyAlignment="1">
      <alignment horizontal="center"/>
    </xf>
    <xf numFmtId="0" fontId="0" fillId="0" borderId="2" xfId="0" applyBorder="1" applyAlignment="1">
      <alignment horizontal="center"/>
    </xf>
    <xf numFmtId="183" fontId="2" fillId="0" borderId="10" xfId="0" applyNumberFormat="1" applyFont="1" applyBorder="1" applyAlignment="1">
      <alignment horizontal="right"/>
    </xf>
    <xf numFmtId="176" fontId="2" fillId="0" borderId="7" xfId="1" applyNumberFormat="1" applyFont="1" applyFill="1" applyBorder="1" applyAlignment="1">
      <alignment horizontal="center"/>
    </xf>
    <xf numFmtId="176" fontId="2" fillId="0" borderId="10" xfId="0" applyNumberFormat="1" applyFont="1" applyBorder="1" applyAlignment="1">
      <alignment horizontal="center"/>
    </xf>
    <xf numFmtId="0" fontId="2" fillId="0" borderId="33" xfId="0" applyFont="1" applyBorder="1" applyAlignment="1">
      <alignment vertical="center"/>
    </xf>
    <xf numFmtId="0" fontId="8" fillId="0" borderId="0" xfId="0" applyFont="1" applyAlignment="1">
      <alignment horizontal="left"/>
    </xf>
    <xf numFmtId="0" fontId="2" fillId="0" borderId="37" xfId="0" applyFont="1" applyBorder="1"/>
    <xf numFmtId="0" fontId="2" fillId="0" borderId="23" xfId="0" applyFont="1" applyBorder="1" applyAlignment="1">
      <alignment horizontal="center"/>
    </xf>
    <xf numFmtId="176" fontId="2" fillId="0" borderId="22" xfId="1" applyNumberFormat="1" applyFont="1" applyFill="1" applyBorder="1" applyAlignment="1">
      <alignment horizontal="center"/>
    </xf>
    <xf numFmtId="0" fontId="2" fillId="0" borderId="24" xfId="0" applyFont="1" applyBorder="1" applyAlignment="1">
      <alignment horizontal="center"/>
    </xf>
    <xf numFmtId="183" fontId="2" fillId="0" borderId="38" xfId="0" applyNumberFormat="1" applyFont="1" applyBorder="1" applyAlignment="1">
      <alignment horizontal="center"/>
    </xf>
    <xf numFmtId="176" fontId="2" fillId="0" borderId="13" xfId="1" applyNumberFormat="1" applyFont="1" applyFill="1" applyBorder="1" applyAlignment="1">
      <alignment horizontal="center"/>
    </xf>
    <xf numFmtId="183" fontId="2" fillId="0" borderId="17" xfId="0" applyNumberFormat="1" applyFont="1" applyBorder="1" applyAlignment="1">
      <alignment horizontal="center"/>
    </xf>
    <xf numFmtId="180" fontId="2" fillId="0" borderId="14" xfId="0" applyNumberFormat="1" applyFont="1" applyBorder="1"/>
    <xf numFmtId="0" fontId="7" fillId="0" borderId="0" xfId="0" applyFont="1" applyAlignment="1">
      <alignment vertical="center" wrapText="1"/>
    </xf>
    <xf numFmtId="176" fontId="2" fillId="0" borderId="7" xfId="0" applyNumberFormat="1" applyFont="1" applyBorder="1" applyAlignment="1">
      <alignment vertical="center"/>
    </xf>
    <xf numFmtId="180" fontId="2" fillId="0" borderId="0" xfId="0" applyNumberFormat="1" applyFont="1" applyAlignment="1">
      <alignment horizontal="right" vertical="center"/>
    </xf>
    <xf numFmtId="185" fontId="2" fillId="0" borderId="0" xfId="0" applyNumberFormat="1" applyFont="1" applyAlignment="1">
      <alignment horizontal="right" vertical="center"/>
    </xf>
    <xf numFmtId="177" fontId="2" fillId="0" borderId="8" xfId="0" applyNumberFormat="1" applyFont="1" applyBorder="1" applyAlignment="1">
      <alignment vertical="center"/>
    </xf>
    <xf numFmtId="183" fontId="2" fillId="0" borderId="10" xfId="0" applyNumberFormat="1" applyFont="1" applyBorder="1" applyAlignment="1">
      <alignment vertical="center"/>
    </xf>
    <xf numFmtId="0" fontId="2" fillId="0" borderId="0" xfId="0" quotePrefix="1" applyFont="1" applyAlignment="1">
      <alignment horizontal="right"/>
    </xf>
    <xf numFmtId="0" fontId="2" fillId="0" borderId="17" xfId="0" quotePrefix="1" applyFont="1" applyBorder="1" applyAlignment="1">
      <alignment horizontal="right"/>
    </xf>
    <xf numFmtId="0" fontId="2" fillId="0" borderId="0" xfId="0" applyFont="1" applyAlignment="1">
      <alignment horizontal="center" vertical="center" textRotation="255"/>
    </xf>
    <xf numFmtId="0" fontId="0" fillId="0" borderId="0" xfId="0" applyAlignment="1">
      <alignment vertical="top"/>
    </xf>
    <xf numFmtId="0" fontId="2" fillId="0" borderId="37" xfId="0" applyFont="1" applyBorder="1" applyAlignment="1">
      <alignment horizontal="center" vertical="center" textRotation="255"/>
    </xf>
    <xf numFmtId="0" fontId="2" fillId="0" borderId="23" xfId="0" applyFont="1" applyBorder="1" applyAlignment="1">
      <alignment horizontal="center" vertical="center" textRotation="255" wrapText="1"/>
    </xf>
    <xf numFmtId="183" fontId="2" fillId="0" borderId="25" xfId="0" applyNumberFormat="1" applyFont="1" applyBorder="1" applyAlignment="1">
      <alignment vertical="top"/>
    </xf>
    <xf numFmtId="183" fontId="2" fillId="0" borderId="20" xfId="0" applyNumberFormat="1" applyFont="1" applyBorder="1" applyAlignment="1">
      <alignment vertical="top"/>
    </xf>
    <xf numFmtId="0" fontId="2" fillId="0" borderId="34" xfId="0" applyFont="1" applyBorder="1" applyAlignment="1">
      <alignment horizontal="center" vertical="center" textRotation="255" wrapText="1"/>
    </xf>
    <xf numFmtId="0" fontId="2" fillId="0" borderId="14" xfId="0" applyFont="1" applyBorder="1" applyAlignment="1">
      <alignment horizontal="center" vertical="center" textRotation="255" wrapText="1"/>
    </xf>
    <xf numFmtId="0" fontId="2" fillId="0" borderId="14" xfId="0" applyFont="1" applyBorder="1" applyAlignment="1">
      <alignment vertical="top"/>
    </xf>
    <xf numFmtId="176" fontId="2" fillId="0" borderId="13" xfId="1" applyNumberFormat="1" applyFont="1" applyFill="1" applyBorder="1" applyAlignment="1">
      <alignment vertical="top"/>
    </xf>
    <xf numFmtId="176" fontId="2" fillId="0" borderId="14" xfId="0" applyNumberFormat="1" applyFont="1" applyBorder="1" applyAlignment="1">
      <alignment vertical="top"/>
    </xf>
    <xf numFmtId="177" fontId="2" fillId="0" borderId="16" xfId="0" applyNumberFormat="1" applyFont="1" applyBorder="1" applyAlignment="1">
      <alignment vertical="top"/>
    </xf>
    <xf numFmtId="176" fontId="2" fillId="0" borderId="31" xfId="0" applyNumberFormat="1" applyFont="1" applyBorder="1" applyAlignment="1">
      <alignment vertical="top"/>
    </xf>
    <xf numFmtId="176" fontId="2" fillId="0" borderId="10" xfId="0" applyNumberFormat="1" applyFont="1" applyBorder="1" applyAlignment="1">
      <alignment horizontal="center" vertical="center"/>
    </xf>
    <xf numFmtId="177" fontId="2" fillId="0" borderId="20" xfId="0" applyNumberFormat="1" applyFont="1" applyBorder="1"/>
    <xf numFmtId="0" fontId="2" fillId="0" borderId="23" xfId="0" applyFont="1" applyBorder="1"/>
    <xf numFmtId="176" fontId="2" fillId="0" borderId="22" xfId="0" applyNumberFormat="1" applyFont="1" applyBorder="1"/>
    <xf numFmtId="180" fontId="2" fillId="0" borderId="23" xfId="0" applyNumberFormat="1" applyFont="1" applyBorder="1" applyAlignment="1">
      <alignment horizontal="right"/>
    </xf>
    <xf numFmtId="177" fontId="2" fillId="0" borderId="24" xfId="0" applyNumberFormat="1" applyFont="1" applyBorder="1"/>
    <xf numFmtId="183" fontId="2" fillId="0" borderId="38" xfId="0" applyNumberFormat="1" applyFont="1" applyBorder="1"/>
    <xf numFmtId="176" fontId="2" fillId="0" borderId="36" xfId="0" applyNumberFormat="1" applyFont="1" applyBorder="1" applyAlignment="1">
      <alignment horizontal="center" vertical="center"/>
    </xf>
    <xf numFmtId="180" fontId="2" fillId="0" borderId="17" xfId="0" applyNumberFormat="1" applyFont="1" applyBorder="1" applyAlignment="1">
      <alignment horizontal="right"/>
    </xf>
    <xf numFmtId="183" fontId="2" fillId="0" borderId="6" xfId="0" applyNumberFormat="1" applyFont="1" applyBorder="1" applyAlignment="1">
      <alignment horizontal="right"/>
    </xf>
    <xf numFmtId="0" fontId="10" fillId="0" borderId="0" xfId="0" applyFont="1" applyAlignment="1">
      <alignment vertical="center" shrinkToFit="1"/>
    </xf>
    <xf numFmtId="176" fontId="2" fillId="0" borderId="0" xfId="0" applyNumberFormat="1" applyFont="1" applyAlignment="1">
      <alignment horizontal="right" vertical="center"/>
    </xf>
    <xf numFmtId="0" fontId="8" fillId="0" borderId="23" xfId="0" applyFont="1" applyBorder="1"/>
    <xf numFmtId="176" fontId="2" fillId="0" borderId="23" xfId="0" applyNumberFormat="1" applyFont="1" applyBorder="1" applyAlignment="1">
      <alignment horizontal="right"/>
    </xf>
    <xf numFmtId="180" fontId="2" fillId="0" borderId="10" xfId="0" applyNumberFormat="1" applyFont="1" applyBorder="1"/>
    <xf numFmtId="180" fontId="2" fillId="0" borderId="6" xfId="0" applyNumberFormat="1" applyFont="1" applyBorder="1"/>
    <xf numFmtId="0" fontId="2" fillId="0" borderId="0" xfId="0" applyFont="1" applyAlignment="1">
      <alignment horizontal="left"/>
    </xf>
    <xf numFmtId="176" fontId="2" fillId="0" borderId="38" xfId="0" applyNumberFormat="1" applyFont="1" applyBorder="1"/>
    <xf numFmtId="183" fontId="2" fillId="0" borderId="38" xfId="0" applyNumberFormat="1" applyFont="1" applyBorder="1" applyAlignment="1">
      <alignment horizontal="right"/>
    </xf>
    <xf numFmtId="185" fontId="2" fillId="0" borderId="0" xfId="0" applyNumberFormat="1" applyFont="1"/>
    <xf numFmtId="0" fontId="8" fillId="0" borderId="23" xfId="0" applyFont="1" applyBorder="1" applyAlignment="1">
      <alignment horizontal="center"/>
    </xf>
    <xf numFmtId="0" fontId="2" fillId="0" borderId="23" xfId="0" quotePrefix="1" applyFont="1" applyBorder="1" applyAlignment="1">
      <alignment horizontal="right"/>
    </xf>
    <xf numFmtId="176" fontId="2" fillId="0" borderId="23" xfId="0" applyNumberFormat="1" applyFont="1" applyBorder="1"/>
    <xf numFmtId="178" fontId="2" fillId="0" borderId="38" xfId="0" applyNumberFormat="1" applyFont="1" applyBorder="1"/>
    <xf numFmtId="0" fontId="8" fillId="0" borderId="0" xfId="0" quotePrefix="1" applyFont="1" applyAlignment="1">
      <alignment horizontal="right"/>
    </xf>
    <xf numFmtId="0" fontId="2" fillId="0" borderId="14" xfId="0" quotePrefix="1" applyFont="1" applyBorder="1" applyAlignment="1">
      <alignment horizontal="center"/>
    </xf>
    <xf numFmtId="0" fontId="8" fillId="0" borderId="0" xfId="0" applyFont="1" applyAlignment="1">
      <alignment horizontal="center" vertical="center"/>
    </xf>
    <xf numFmtId="0" fontId="8" fillId="0" borderId="8" xfId="0" applyFont="1" applyBorder="1" applyAlignment="1">
      <alignment horizontal="center" vertical="center"/>
    </xf>
    <xf numFmtId="176" fontId="2" fillId="0" borderId="6" xfId="0" applyNumberFormat="1" applyFont="1" applyBorder="1" applyAlignment="1">
      <alignment horizontal="center" vertical="center" wrapText="1"/>
    </xf>
    <xf numFmtId="176" fontId="2" fillId="0" borderId="10" xfId="0" applyNumberFormat="1" applyFont="1" applyBorder="1" applyAlignment="1">
      <alignment horizontal="center" vertical="center"/>
    </xf>
    <xf numFmtId="0" fontId="8" fillId="0" borderId="33" xfId="0" applyFont="1" applyBorder="1" applyAlignment="1">
      <alignment horizontal="center"/>
    </xf>
    <xf numFmtId="0" fontId="8" fillId="0" borderId="0" xfId="0" applyFont="1" applyAlignment="1">
      <alignment horizontal="center"/>
    </xf>
    <xf numFmtId="0" fontId="8" fillId="0" borderId="8" xfId="0" applyFont="1" applyBorder="1" applyAlignment="1">
      <alignment horizontal="center"/>
    </xf>
    <xf numFmtId="0" fontId="7" fillId="0" borderId="2" xfId="0" applyFont="1" applyBorder="1" applyAlignment="1">
      <alignment horizontal="left" shrinkToFit="1"/>
    </xf>
    <xf numFmtId="0" fontId="2" fillId="0" borderId="1" xfId="0" applyFont="1" applyBorder="1" applyAlignment="1">
      <alignment horizontal="center" vertical="distributed" textRotation="255" wrapText="1" justifyLastLine="1"/>
    </xf>
    <xf numFmtId="0" fontId="2" fillId="0" borderId="4" xfId="0" applyFont="1" applyBorder="1" applyAlignment="1">
      <alignment horizontal="center" vertical="distributed" textRotation="255" wrapText="1" justifyLastLine="1"/>
    </xf>
    <xf numFmtId="0" fontId="2" fillId="0" borderId="21" xfId="0" applyFont="1" applyBorder="1" applyAlignment="1">
      <alignment horizontal="center" vertical="distributed" textRotation="255" wrapText="1" justifyLastLine="1"/>
    </xf>
    <xf numFmtId="0" fontId="2" fillId="0" borderId="1" xfId="0" applyFont="1" applyBorder="1" applyAlignment="1">
      <alignment horizontal="center" vertical="center" textRotation="255" wrapText="1"/>
    </xf>
    <xf numFmtId="0" fontId="2" fillId="0" borderId="4" xfId="0" applyFont="1" applyBorder="1" applyAlignment="1">
      <alignment horizontal="center" vertical="center" textRotation="255" wrapText="1"/>
    </xf>
    <xf numFmtId="0" fontId="2" fillId="0" borderId="21" xfId="0" applyFont="1" applyBorder="1" applyAlignment="1">
      <alignment horizontal="center" vertical="center" textRotation="255" wrapText="1"/>
    </xf>
    <xf numFmtId="0" fontId="2" fillId="0" borderId="26" xfId="0" applyFont="1" applyBorder="1" applyAlignment="1">
      <alignment horizontal="center" vertical="center" textRotation="255"/>
    </xf>
    <xf numFmtId="0" fontId="2" fillId="0" borderId="4" xfId="0" applyFont="1" applyBorder="1" applyAlignment="1">
      <alignment horizontal="center" vertical="center" textRotation="255"/>
    </xf>
    <xf numFmtId="0" fontId="2" fillId="0" borderId="21" xfId="0" applyFont="1" applyBorder="1" applyAlignment="1">
      <alignment horizontal="center" vertical="center" textRotation="255"/>
    </xf>
    <xf numFmtId="0" fontId="2" fillId="0" borderId="26" xfId="0" applyFont="1" applyBorder="1" applyAlignment="1">
      <alignment horizontal="center" vertical="center" textRotation="255" wrapText="1"/>
    </xf>
    <xf numFmtId="0" fontId="2" fillId="0" borderId="26" xfId="0" applyFont="1" applyBorder="1" applyAlignment="1">
      <alignment horizontal="center" vertical="distributed" textRotation="255" wrapText="1" justifyLastLine="1"/>
    </xf>
    <xf numFmtId="0" fontId="2" fillId="0" borderId="12" xfId="0" applyFont="1" applyBorder="1" applyAlignment="1">
      <alignment horizontal="center" vertical="distributed" textRotation="255" wrapText="1" justifyLastLine="1"/>
    </xf>
    <xf numFmtId="0" fontId="2" fillId="0" borderId="0" xfId="0" applyFont="1" applyAlignment="1">
      <alignment horizontal="left" vertical="center" wrapText="1"/>
    </xf>
    <xf numFmtId="0" fontId="10" fillId="0" borderId="2" xfId="0" applyFont="1" applyBorder="1" applyAlignment="1">
      <alignment horizontal="left" shrinkToFit="1"/>
    </xf>
    <xf numFmtId="0" fontId="7" fillId="0" borderId="2" xfId="0" applyFont="1" applyBorder="1" applyAlignment="1">
      <alignment horizontal="left" wrapText="1"/>
    </xf>
    <xf numFmtId="0" fontId="7" fillId="0" borderId="2" xfId="0" applyFont="1" applyBorder="1" applyAlignment="1">
      <alignment horizontal="left"/>
    </xf>
    <xf numFmtId="0" fontId="7" fillId="0" borderId="2" xfId="0" applyFont="1" applyBorder="1" applyAlignment="1">
      <alignment horizontal="left" vertical="center" wrapText="1"/>
    </xf>
    <xf numFmtId="0" fontId="7" fillId="0" borderId="0" xfId="0" applyFont="1" applyAlignment="1">
      <alignment horizontal="left"/>
    </xf>
    <xf numFmtId="0" fontId="10" fillId="0" borderId="0" xfId="0" applyFont="1" applyAlignment="1">
      <alignment horizontal="left" vertical="top" shrinkToFit="1"/>
    </xf>
    <xf numFmtId="0" fontId="8" fillId="0" borderId="0" xfId="3" applyFont="1" applyAlignment="1">
      <alignment horizontal="center"/>
    </xf>
    <xf numFmtId="0" fontId="8" fillId="0" borderId="8" xfId="3" applyFont="1" applyBorder="1" applyAlignment="1">
      <alignment horizontal="center"/>
    </xf>
    <xf numFmtId="0" fontId="7" fillId="0" borderId="2" xfId="3" applyFont="1" applyBorder="1" applyAlignment="1">
      <alignment horizontal="left"/>
    </xf>
  </cellXfs>
  <cellStyles count="4">
    <cellStyle name="桁区切り" xfId="1" builtinId="6"/>
    <cellStyle name="標準" xfId="0" builtinId="0"/>
    <cellStyle name="標準_H22後期枠組み" xfId="3" xr:uid="{4CA1577B-E093-4E21-B5D6-9C4C2684FB76}"/>
    <cellStyle name="標準_H22前期枠組み" xfId="2" xr:uid="{9B3CA68C-FA62-456E-B90B-EAAAFAC9541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9</xdr:col>
      <xdr:colOff>25400</xdr:colOff>
      <xdr:row>0</xdr:row>
      <xdr:rowOff>82551</xdr:rowOff>
    </xdr:from>
    <xdr:ext cx="605183" cy="273050"/>
    <xdr:sp macro="" textlink="">
      <xdr:nvSpPr>
        <xdr:cNvPr id="2" name="テキスト ボックス 1">
          <a:extLst>
            <a:ext uri="{FF2B5EF4-FFF2-40B4-BE49-F238E27FC236}">
              <a16:creationId xmlns:a16="http://schemas.microsoft.com/office/drawing/2014/main" id="{5BFBDB45-3964-49BC-A8AE-8CFF1648E2A5}"/>
            </a:ext>
          </a:extLst>
        </xdr:cNvPr>
        <xdr:cNvSpPr txBox="1"/>
      </xdr:nvSpPr>
      <xdr:spPr>
        <a:xfrm>
          <a:off x="5207000" y="82551"/>
          <a:ext cx="605183" cy="273050"/>
        </a:xfrm>
        <a:prstGeom prst="rect">
          <a:avLst/>
        </a:prstGeom>
        <a:no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pPr algn="ctr"/>
          <a:r>
            <a:rPr kumimoji="1" lang="ja-JP" altLang="en-US" sz="1100">
              <a:latin typeface="ＭＳ Ｐ明朝" panose="02020600040205080304" pitchFamily="18" charset="-128"/>
              <a:ea typeface="ＭＳ Ｐ明朝" panose="02020600040205080304" pitchFamily="18" charset="-128"/>
            </a:rPr>
            <a:t>別紙３</a:t>
          </a:r>
        </a:p>
      </xdr:txBody>
    </xdr:sp>
    <xdr:clientData/>
  </xdr:one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kfs01\s4025\group\003_&#20837;&#36984;G\01%20&#20837;&#36984;\11%20&#20837;&#23398;&#32773;&#36984;&#25244;&#12395;&#20418;&#12427;&#35352;&#32773;&#30330;&#34920;&#36039;&#26009;\R7&#65288;&#20196;&#21644;&#65304;&#24180;&#24230;&#20837;&#36984;&#65289;\01_&#35352;&#32773;&#30330;&#34920;&#36039;&#26009;\02_R8&#20837;&#36984;&#30330;&#34920;&#36039;&#26009;\01_R8.1.14%20&#35352;&#32773;&#12524;&#12463;&#12481;&#12515;&#12540;\01_&#36215;&#26696;\260114&#12304;&#20250;&#12305;R&#65304;&#20844;&#31435;&#39640;&#26657;&#24535;&#39000;&#32773;&#25968;&#31561;&#12398;&#26528;&#32068;&#12415;&#12304;&#36039;&#26009;&#65301;&#12305;260130&#12304;&#36039;&#12305;&#20849;&#36890;&#36984;&#25244;&#24535;&#39000;&#32773;&#25968;.xlsx" TargetMode="External"/><Relationship Id="rId1" Type="http://schemas.openxmlformats.org/officeDocument/2006/relationships/externalLinkPath" Target="/group/003_&#20837;&#36984;G/01%20&#20837;&#36984;/11%20&#20837;&#23398;&#32773;&#36984;&#25244;&#12395;&#20418;&#12427;&#35352;&#32773;&#30330;&#34920;&#36039;&#26009;/R7&#65288;&#20196;&#21644;&#65304;&#24180;&#24230;&#20837;&#36984;&#65289;/01_&#35352;&#32773;&#30330;&#34920;&#36039;&#26009;/02_R8&#20837;&#36984;&#30330;&#34920;&#36039;&#26009;/01_R8.1.14%20&#35352;&#32773;&#12524;&#12463;&#12481;&#12515;&#12540;/01_&#36215;&#26696;/260114&#12304;&#20250;&#12305;R&#65304;&#20844;&#31435;&#39640;&#26657;&#24535;&#39000;&#32773;&#25968;&#31561;&#12398;&#26528;&#32068;&#12415;&#12304;&#36039;&#26009;&#65301;&#12305;260130&#12304;&#36039;&#12305;&#20849;&#36890;&#36984;&#25244;&#24535;&#39000;&#32773;&#25968;.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普通科・クリエイティブ"/>
      <sheetName val="専門学科"/>
      <sheetName val="単位制"/>
      <sheetName val="定時制・通信制"/>
      <sheetName val="特別募集等"/>
    </sheetNames>
    <sheetDataSet>
      <sheetData sheetId="0"/>
      <sheetData sheetId="1"/>
      <sheetData sheetId="2">
        <row r="5">
          <cell r="F5" t="str">
            <v>1月30日志願者数</v>
          </cell>
          <cell r="I5">
            <v>45687</v>
          </cell>
          <cell r="J5" t="str">
            <v>前年度
競争率</v>
          </cell>
        </row>
        <row r="6">
          <cell r="C6" t="str">
            <v xml:space="preserve"> 学 校 名</v>
          </cell>
          <cell r="D6" t="str">
            <v xml:space="preserve"> 学科・コース名</v>
          </cell>
          <cell r="E6" t="str">
            <v>募集定員</v>
          </cell>
          <cell r="F6" t="str">
            <v>学区</v>
          </cell>
          <cell r="G6" t="str">
            <v>学区</v>
          </cell>
          <cell r="H6" t="str">
            <v>計</v>
          </cell>
          <cell r="I6" t="str">
            <v>競争率</v>
          </cell>
        </row>
        <row r="7">
          <cell r="E7" t="str">
            <v>(A)</v>
          </cell>
          <cell r="F7" t="str">
            <v>内</v>
          </cell>
          <cell r="G7" t="str">
            <v>外</v>
          </cell>
          <cell r="H7" t="str">
            <v>(B)</v>
          </cell>
          <cell r="I7" t="str">
            <v>(B/A)</v>
          </cell>
        </row>
        <row r="10">
          <cell r="C10" t="str">
            <v>県立神奈川総合</v>
          </cell>
          <cell r="D10" t="str">
            <v>普通科個性化コース</v>
          </cell>
          <cell r="E10">
            <v>119</v>
          </cell>
          <cell r="F10" t="str">
            <v>－</v>
          </cell>
          <cell r="G10" t="str">
            <v>－</v>
          </cell>
          <cell r="H10">
            <v>0</v>
          </cell>
          <cell r="I10">
            <v>0</v>
          </cell>
          <cell r="J10">
            <v>1.82</v>
          </cell>
        </row>
        <row r="11">
          <cell r="C11" t="str">
            <v>　　〃</v>
          </cell>
          <cell r="D11" t="str">
            <v>普通科国際文化コース</v>
          </cell>
          <cell r="E11">
            <v>89</v>
          </cell>
          <cell r="F11" t="str">
            <v>－</v>
          </cell>
          <cell r="G11" t="str">
            <v>－</v>
          </cell>
          <cell r="H11">
            <v>0</v>
          </cell>
          <cell r="I11">
            <v>0</v>
          </cell>
          <cell r="J11">
            <v>1.28</v>
          </cell>
        </row>
        <row r="12">
          <cell r="D12" t="str">
            <v>　　計</v>
          </cell>
          <cell r="E12">
            <v>208</v>
          </cell>
          <cell r="F12" t="str">
            <v>－</v>
          </cell>
          <cell r="G12" t="str">
            <v>－</v>
          </cell>
          <cell r="H12">
            <v>0</v>
          </cell>
          <cell r="I12">
            <v>0</v>
          </cell>
          <cell r="J12">
            <v>1.59</v>
          </cell>
        </row>
        <row r="13">
          <cell r="C13" t="str">
            <v>県立横浜緑園</v>
          </cell>
          <cell r="D13" t="str">
            <v>普通科</v>
          </cell>
          <cell r="E13">
            <v>278</v>
          </cell>
          <cell r="F13" t="str">
            <v>－</v>
          </cell>
          <cell r="G13" t="str">
            <v>－</v>
          </cell>
          <cell r="H13">
            <v>0</v>
          </cell>
          <cell r="I13">
            <v>0</v>
          </cell>
          <cell r="J13">
            <v>1</v>
          </cell>
        </row>
        <row r="14">
          <cell r="C14" t="str">
            <v>県立横浜桜陽</v>
          </cell>
          <cell r="D14" t="str">
            <v>普通科</v>
          </cell>
          <cell r="E14">
            <v>270</v>
          </cell>
          <cell r="F14" t="str">
            <v>－</v>
          </cell>
          <cell r="G14" t="str">
            <v>－</v>
          </cell>
          <cell r="H14">
            <v>0</v>
          </cell>
          <cell r="I14">
            <v>0</v>
          </cell>
          <cell r="J14">
            <v>0.9</v>
          </cell>
        </row>
        <row r="15">
          <cell r="C15" t="str">
            <v>県立横浜清陵</v>
          </cell>
          <cell r="D15" t="str">
            <v>普通科</v>
          </cell>
          <cell r="E15">
            <v>305</v>
          </cell>
          <cell r="F15" t="str">
            <v>－</v>
          </cell>
          <cell r="G15" t="str">
            <v>－</v>
          </cell>
          <cell r="H15">
            <v>0</v>
          </cell>
          <cell r="I15">
            <v>0</v>
          </cell>
          <cell r="J15">
            <v>1.4</v>
          </cell>
        </row>
        <row r="16">
          <cell r="C16" t="str">
            <v>県立横浜栄</v>
          </cell>
          <cell r="D16" t="str">
            <v>普通科</v>
          </cell>
          <cell r="E16">
            <v>318</v>
          </cell>
          <cell r="F16" t="str">
            <v>－</v>
          </cell>
          <cell r="G16" t="str">
            <v>－</v>
          </cell>
          <cell r="H16">
            <v>0</v>
          </cell>
          <cell r="I16">
            <v>0</v>
          </cell>
          <cell r="J16">
            <v>1.25</v>
          </cell>
        </row>
        <row r="17">
          <cell r="C17" t="str">
            <v>県立川崎</v>
          </cell>
          <cell r="D17" t="str">
            <v>普通科</v>
          </cell>
          <cell r="E17">
            <v>222</v>
          </cell>
          <cell r="F17" t="str">
            <v>－</v>
          </cell>
          <cell r="G17" t="str">
            <v>－</v>
          </cell>
          <cell r="H17">
            <v>0</v>
          </cell>
          <cell r="I17">
            <v>0</v>
          </cell>
          <cell r="J17">
            <v>1.25</v>
          </cell>
        </row>
        <row r="18">
          <cell r="C18" t="str">
            <v>県立大師</v>
          </cell>
          <cell r="D18" t="str">
            <v>普通科</v>
          </cell>
          <cell r="E18">
            <v>225</v>
          </cell>
          <cell r="F18" t="str">
            <v>－</v>
          </cell>
          <cell r="G18" t="str">
            <v>－</v>
          </cell>
          <cell r="H18">
            <v>0</v>
          </cell>
          <cell r="I18">
            <v>0</v>
          </cell>
          <cell r="J18">
            <v>0.72</v>
          </cell>
        </row>
        <row r="19">
          <cell r="C19" t="str">
            <v>県立三浦初声</v>
          </cell>
          <cell r="D19" t="str">
            <v>普通科</v>
          </cell>
          <cell r="E19">
            <v>198</v>
          </cell>
          <cell r="F19" t="str">
            <v>－</v>
          </cell>
          <cell r="G19" t="str">
            <v>－</v>
          </cell>
          <cell r="H19">
            <v>0</v>
          </cell>
          <cell r="I19">
            <v>0</v>
          </cell>
          <cell r="J19">
            <v>0.69</v>
          </cell>
        </row>
        <row r="20">
          <cell r="C20" t="str">
            <v>県立藤沢清流</v>
          </cell>
          <cell r="D20" t="str">
            <v>普通科</v>
          </cell>
          <cell r="E20">
            <v>278</v>
          </cell>
          <cell r="F20" t="str">
            <v>－</v>
          </cell>
          <cell r="G20" t="str">
            <v>－</v>
          </cell>
          <cell r="H20">
            <v>0</v>
          </cell>
          <cell r="I20">
            <v>0</v>
          </cell>
          <cell r="J20">
            <v>1.2</v>
          </cell>
        </row>
        <row r="21">
          <cell r="C21" t="str">
            <v>県立平塚湘風</v>
          </cell>
          <cell r="D21" t="str">
            <v>普通科</v>
          </cell>
          <cell r="E21">
            <v>238</v>
          </cell>
          <cell r="F21" t="str">
            <v>－</v>
          </cell>
          <cell r="G21" t="str">
            <v>－</v>
          </cell>
          <cell r="H21">
            <v>0</v>
          </cell>
          <cell r="I21">
            <v>0</v>
          </cell>
          <cell r="J21">
            <v>0.82</v>
          </cell>
        </row>
        <row r="22">
          <cell r="C22" t="str">
            <v>県立小田原</v>
          </cell>
          <cell r="D22" t="str">
            <v>普通科</v>
          </cell>
          <cell r="E22">
            <v>319</v>
          </cell>
          <cell r="F22" t="str">
            <v>－</v>
          </cell>
          <cell r="G22" t="str">
            <v>－</v>
          </cell>
          <cell r="H22">
            <v>0</v>
          </cell>
          <cell r="I22">
            <v>0</v>
          </cell>
          <cell r="J22">
            <v>1.28</v>
          </cell>
        </row>
        <row r="23">
          <cell r="C23" t="str">
            <v>県立厚木清南</v>
          </cell>
          <cell r="D23" t="str">
            <v>普通科</v>
          </cell>
          <cell r="E23">
            <v>230</v>
          </cell>
          <cell r="F23" t="str">
            <v>－</v>
          </cell>
          <cell r="G23" t="str">
            <v>－</v>
          </cell>
          <cell r="H23">
            <v>0</v>
          </cell>
          <cell r="I23">
            <v>0</v>
          </cell>
          <cell r="J23">
            <v>0.79</v>
          </cell>
        </row>
        <row r="24">
          <cell r="C24" t="str">
            <v>県立相模原城山</v>
          </cell>
          <cell r="D24" t="str">
            <v>普通科</v>
          </cell>
          <cell r="E24">
            <v>278</v>
          </cell>
          <cell r="F24" t="str">
            <v>－</v>
          </cell>
          <cell r="G24" t="str">
            <v>－</v>
          </cell>
          <cell r="H24">
            <v>0</v>
          </cell>
          <cell r="I24">
            <v>0</v>
          </cell>
          <cell r="J24">
            <v>1.01</v>
          </cell>
        </row>
        <row r="25">
          <cell r="C25" t="str">
            <v>県立相模原弥栄</v>
          </cell>
          <cell r="D25" t="str">
            <v>普通科</v>
          </cell>
          <cell r="E25">
            <v>183</v>
          </cell>
          <cell r="F25" t="str">
            <v>－</v>
          </cell>
          <cell r="G25" t="str">
            <v>－</v>
          </cell>
          <cell r="H25">
            <v>0</v>
          </cell>
          <cell r="I25">
            <v>0</v>
          </cell>
          <cell r="J25">
            <v>1.5</v>
          </cell>
        </row>
        <row r="26">
          <cell r="C26" t="str">
            <v>横浜市立東</v>
          </cell>
          <cell r="D26" t="str">
            <v>普通科</v>
          </cell>
          <cell r="E26">
            <v>268</v>
          </cell>
          <cell r="F26">
            <v>0</v>
          </cell>
          <cell r="G26">
            <v>0</v>
          </cell>
          <cell r="H26">
            <v>0</v>
          </cell>
          <cell r="I26">
            <v>0</v>
          </cell>
          <cell r="J26">
            <v>1.46</v>
          </cell>
        </row>
        <row r="27">
          <cell r="C27" t="str">
            <v>横浜市立戸塚</v>
          </cell>
          <cell r="D27" t="str">
            <v>普通科一般コース</v>
          </cell>
          <cell r="E27">
            <v>279</v>
          </cell>
          <cell r="F27">
            <v>0</v>
          </cell>
          <cell r="G27">
            <v>0</v>
          </cell>
          <cell r="H27">
            <v>0</v>
          </cell>
          <cell r="I27">
            <v>0</v>
          </cell>
          <cell r="J27">
            <v>1.03</v>
          </cell>
        </row>
        <row r="30">
          <cell r="C30" t="str">
            <v>合　　計</v>
          </cell>
          <cell r="E30">
            <v>4097</v>
          </cell>
          <cell r="F30" t="str">
            <v>－</v>
          </cell>
          <cell r="G30" t="str">
            <v>－</v>
          </cell>
          <cell r="H30">
            <v>0</v>
          </cell>
          <cell r="I30">
            <v>0</v>
          </cell>
          <cell r="J30">
            <v>1.1200000000000001</v>
          </cell>
        </row>
        <row r="35">
          <cell r="F35">
            <v>45687</v>
          </cell>
          <cell r="I35">
            <v>45687</v>
          </cell>
          <cell r="J35" t="str">
            <v>前年度
競争率</v>
          </cell>
        </row>
        <row r="36">
          <cell r="C36" t="str">
            <v xml:space="preserve"> 学 校 名</v>
          </cell>
          <cell r="D36" t="str">
            <v xml:space="preserve"> 学科・コース名</v>
          </cell>
          <cell r="E36" t="str">
            <v>募集定員</v>
          </cell>
          <cell r="F36" t="str">
            <v>志願者数</v>
          </cell>
          <cell r="I36" t="str">
            <v>競争率</v>
          </cell>
        </row>
        <row r="37">
          <cell r="E37" t="str">
            <v>(A)</v>
          </cell>
          <cell r="F37" t="str">
            <v>(B)</v>
          </cell>
          <cell r="I37" t="str">
            <v>(B/A)</v>
          </cell>
        </row>
        <row r="40">
          <cell r="C40" t="str">
            <v>横浜市立戸塚</v>
          </cell>
          <cell r="D40" t="str">
            <v>普通科音楽コース</v>
          </cell>
          <cell r="E40">
            <v>39</v>
          </cell>
          <cell r="H40">
            <v>0</v>
          </cell>
          <cell r="I40">
            <v>0</v>
          </cell>
          <cell r="J40">
            <v>1.1299999999999999</v>
          </cell>
        </row>
        <row r="46">
          <cell r="F46" t="str">
            <v>1月30日志願者数</v>
          </cell>
          <cell r="I46">
            <v>45687</v>
          </cell>
          <cell r="J46" t="str">
            <v>前年度
競争率</v>
          </cell>
        </row>
        <row r="47">
          <cell r="C47" t="str">
            <v xml:space="preserve"> 学 校 名</v>
          </cell>
          <cell r="D47" t="str">
            <v xml:space="preserve"> 学 科 名</v>
          </cell>
          <cell r="E47" t="str">
            <v>募集定員</v>
          </cell>
          <cell r="F47" t="str">
            <v>学区</v>
          </cell>
          <cell r="G47" t="str">
            <v>学区</v>
          </cell>
          <cell r="H47" t="str">
            <v>計</v>
          </cell>
          <cell r="I47" t="str">
            <v>競争率</v>
          </cell>
        </row>
        <row r="48">
          <cell r="E48" t="str">
            <v>(A)</v>
          </cell>
          <cell r="F48" t="str">
            <v>内</v>
          </cell>
          <cell r="G48" t="str">
            <v>外</v>
          </cell>
          <cell r="H48" t="str">
            <v>(B)</v>
          </cell>
          <cell r="I48" t="str">
            <v>(B/A)</v>
          </cell>
        </row>
        <row r="51">
          <cell r="C51" t="str">
            <v>県立鶴見総合</v>
          </cell>
          <cell r="D51" t="str">
            <v>総合学科</v>
          </cell>
          <cell r="E51">
            <v>259</v>
          </cell>
          <cell r="F51" t="str">
            <v>－</v>
          </cell>
          <cell r="G51" t="str">
            <v>－</v>
          </cell>
          <cell r="H51">
            <v>0</v>
          </cell>
          <cell r="I51">
            <v>0</v>
          </cell>
          <cell r="J51">
            <v>1.1399999999999999</v>
          </cell>
        </row>
        <row r="52">
          <cell r="C52" t="str">
            <v>県立金沢総合</v>
          </cell>
          <cell r="D52" t="str">
            <v>総合学科</v>
          </cell>
          <cell r="E52">
            <v>278</v>
          </cell>
          <cell r="F52" t="str">
            <v>－</v>
          </cell>
          <cell r="G52" t="str">
            <v>－</v>
          </cell>
          <cell r="H52">
            <v>0</v>
          </cell>
          <cell r="I52">
            <v>0</v>
          </cell>
          <cell r="J52">
            <v>1.27</v>
          </cell>
        </row>
        <row r="53">
          <cell r="C53" t="str">
            <v>県立藤沢総合</v>
          </cell>
          <cell r="D53" t="str">
            <v>総合学科</v>
          </cell>
          <cell r="E53">
            <v>268</v>
          </cell>
          <cell r="F53" t="str">
            <v>－</v>
          </cell>
          <cell r="G53" t="str">
            <v>－</v>
          </cell>
          <cell r="H53">
            <v>0</v>
          </cell>
          <cell r="I53">
            <v>0</v>
          </cell>
          <cell r="J53">
            <v>1.2</v>
          </cell>
        </row>
        <row r="54">
          <cell r="C54" t="str">
            <v>県立秦野総合</v>
          </cell>
          <cell r="D54" t="str">
            <v>総合学科</v>
          </cell>
          <cell r="E54">
            <v>238</v>
          </cell>
          <cell r="F54" t="str">
            <v>－</v>
          </cell>
          <cell r="G54" t="str">
            <v>－</v>
          </cell>
          <cell r="H54">
            <v>0</v>
          </cell>
          <cell r="I54">
            <v>0</v>
          </cell>
          <cell r="J54">
            <v>1.02</v>
          </cell>
        </row>
        <row r="55">
          <cell r="C55" t="str">
            <v>県立座間総合</v>
          </cell>
          <cell r="D55" t="str">
            <v>総合学科</v>
          </cell>
          <cell r="E55">
            <v>264</v>
          </cell>
          <cell r="F55" t="str">
            <v>－</v>
          </cell>
          <cell r="G55" t="str">
            <v>－</v>
          </cell>
          <cell r="H55">
            <v>0</v>
          </cell>
          <cell r="I55">
            <v>0</v>
          </cell>
          <cell r="J55">
            <v>1.25</v>
          </cell>
        </row>
        <row r="56">
          <cell r="C56" t="str">
            <v>横浜市立みなと総合</v>
          </cell>
          <cell r="D56" t="str">
            <v>総合学科</v>
          </cell>
          <cell r="E56">
            <v>232</v>
          </cell>
          <cell r="F56">
            <v>0</v>
          </cell>
          <cell r="G56">
            <v>0</v>
          </cell>
          <cell r="H56">
            <v>0</v>
          </cell>
          <cell r="I56">
            <v>0</v>
          </cell>
          <cell r="J56">
            <v>1.24</v>
          </cell>
        </row>
        <row r="57">
          <cell r="C57" t="str">
            <v>横須賀市立横須賀総合</v>
          </cell>
          <cell r="D57" t="str">
            <v>総合学科</v>
          </cell>
          <cell r="E57">
            <v>320</v>
          </cell>
          <cell r="F57" t="str">
            <v>－</v>
          </cell>
          <cell r="G57" t="str">
            <v>－</v>
          </cell>
          <cell r="H57">
            <v>0</v>
          </cell>
          <cell r="I57">
            <v>0</v>
          </cell>
          <cell r="J57">
            <v>1.35</v>
          </cell>
        </row>
        <row r="60">
          <cell r="C60" t="str">
            <v>合　　計</v>
          </cell>
          <cell r="E60">
            <v>1859</v>
          </cell>
          <cell r="F60" t="str">
            <v>－</v>
          </cell>
          <cell r="G60" t="str">
            <v>－</v>
          </cell>
          <cell r="H60">
            <v>0</v>
          </cell>
          <cell r="I60">
            <v>0</v>
          </cell>
          <cell r="J60">
            <v>1.1499999999999999</v>
          </cell>
        </row>
        <row r="65">
          <cell r="F65">
            <v>45687</v>
          </cell>
          <cell r="I65">
            <v>45687</v>
          </cell>
          <cell r="J65" t="str">
            <v>前年度
競争率</v>
          </cell>
        </row>
        <row r="66">
          <cell r="C66" t="str">
            <v xml:space="preserve"> 学 校 名</v>
          </cell>
          <cell r="D66" t="str">
            <v xml:space="preserve"> 学 科 名</v>
          </cell>
          <cell r="E66" t="str">
            <v>募集定員</v>
          </cell>
          <cell r="F66" t="str">
            <v>志願者数</v>
          </cell>
          <cell r="I66" t="str">
            <v>競争率</v>
          </cell>
        </row>
        <row r="67">
          <cell r="E67" t="str">
            <v>(A)</v>
          </cell>
          <cell r="F67" t="str">
            <v>(B)</v>
          </cell>
          <cell r="I67" t="str">
            <v>(B/A)</v>
          </cell>
        </row>
        <row r="70">
          <cell r="C70" t="str">
            <v>県立青葉総合</v>
          </cell>
          <cell r="D70" t="str">
            <v>総合学科</v>
          </cell>
          <cell r="E70">
            <v>158</v>
          </cell>
          <cell r="H70">
            <v>0</v>
          </cell>
          <cell r="I70">
            <v>0</v>
          </cell>
          <cell r="J70" t="str">
            <v>－</v>
          </cell>
        </row>
      </sheetData>
      <sheetData sheetId="3"/>
      <sheetData sheetId="4"/>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759362-587F-45E9-AFCD-D0EEFDE868B5}">
  <sheetPr>
    <pageSetUpPr fitToPage="1"/>
  </sheetPr>
  <dimension ref="B1:J162"/>
  <sheetViews>
    <sheetView tabSelected="1" view="pageBreakPreview" zoomScaleNormal="100" zoomScaleSheetLayoutView="100" workbookViewId="0"/>
  </sheetViews>
  <sheetFormatPr defaultColWidth="9" defaultRowHeight="13.5" x14ac:dyDescent="0.15"/>
  <cols>
    <col min="1" max="1" width="1.625" style="2" customWidth="1"/>
    <col min="2" max="2" width="4.125" style="14" customWidth="1"/>
    <col min="3" max="3" width="1.5" style="14" customWidth="1"/>
    <col min="4" max="4" width="19.5" style="2" customWidth="1"/>
    <col min="5" max="5" width="11.125" style="4" bestFit="1" customWidth="1"/>
    <col min="6" max="6" width="6.125" style="5" customWidth="1"/>
    <col min="7" max="7" width="5.875" style="5" customWidth="1"/>
    <col min="8" max="8" width="8.875" style="5" bestFit="1" customWidth="1"/>
    <col min="9" max="9" width="9.25" style="2" bestFit="1" customWidth="1"/>
    <col min="10" max="10" width="9" style="5" customWidth="1"/>
    <col min="11" max="16384" width="9" style="2"/>
  </cols>
  <sheetData>
    <row r="1" spans="2:10" ht="36" customHeight="1" x14ac:dyDescent="0.15">
      <c r="B1" s="389" t="s">
        <v>0</v>
      </c>
      <c r="C1" s="389"/>
      <c r="D1" s="389"/>
      <c r="E1" s="389"/>
      <c r="F1" s="389"/>
      <c r="G1" s="389"/>
      <c r="H1" s="389"/>
      <c r="I1" s="389"/>
      <c r="J1" s="1"/>
    </row>
    <row r="2" spans="2:10" ht="15" customHeight="1" x14ac:dyDescent="0.15">
      <c r="B2" s="3" t="s">
        <v>1</v>
      </c>
      <c r="C2" s="3"/>
    </row>
    <row r="3" spans="2:10" ht="7.5" customHeight="1" x14ac:dyDescent="0.15">
      <c r="B3" s="6"/>
      <c r="C3" s="6"/>
    </row>
    <row r="4" spans="2:10" x14ac:dyDescent="0.15">
      <c r="B4" s="7" t="s">
        <v>2</v>
      </c>
      <c r="C4" s="2"/>
    </row>
    <row r="5" spans="2:10" ht="7.5" customHeight="1" x14ac:dyDescent="0.15">
      <c r="B5" s="8"/>
      <c r="C5" s="9"/>
      <c r="D5" s="10"/>
      <c r="E5" s="11"/>
      <c r="F5" s="10"/>
      <c r="G5" s="10"/>
      <c r="H5" s="10"/>
      <c r="I5" s="10"/>
      <c r="J5" s="12"/>
    </row>
    <row r="6" spans="2:10" ht="14.25" customHeight="1" x14ac:dyDescent="0.15">
      <c r="B6" s="13" t="s">
        <v>3</v>
      </c>
      <c r="E6" s="15"/>
      <c r="F6" s="16">
        <v>45687</v>
      </c>
      <c r="G6" s="17"/>
      <c r="H6" s="17"/>
      <c r="I6" s="18">
        <v>45687</v>
      </c>
      <c r="J6" s="371" t="s">
        <v>4</v>
      </c>
    </row>
    <row r="7" spans="2:10" ht="14.25" customHeight="1" x14ac:dyDescent="0.15">
      <c r="B7" s="13"/>
      <c r="C7" s="19"/>
      <c r="D7" s="20" t="s">
        <v>5</v>
      </c>
      <c r="E7" s="21" t="s">
        <v>6</v>
      </c>
      <c r="F7" s="22" t="s">
        <v>7</v>
      </c>
      <c r="G7" s="22"/>
      <c r="H7" s="22"/>
      <c r="I7" s="23" t="s">
        <v>8</v>
      </c>
      <c r="J7" s="372"/>
    </row>
    <row r="8" spans="2:10" ht="14.25" customHeight="1" x14ac:dyDescent="0.15">
      <c r="B8" s="13" t="s">
        <v>9</v>
      </c>
      <c r="D8" s="14"/>
      <c r="E8" s="24" t="s">
        <v>10</v>
      </c>
      <c r="F8" s="25" t="s">
        <v>11</v>
      </c>
      <c r="G8" s="26"/>
      <c r="H8" s="27"/>
      <c r="I8" s="23" t="s">
        <v>12</v>
      </c>
      <c r="J8" s="372"/>
    </row>
    <row r="9" spans="2:10" ht="7.5" customHeight="1" x14ac:dyDescent="0.15">
      <c r="B9" s="28"/>
      <c r="C9" s="29"/>
      <c r="D9" s="30"/>
      <c r="E9" s="31"/>
      <c r="F9" s="32"/>
      <c r="G9" s="30"/>
      <c r="H9" s="33"/>
      <c r="I9" s="34"/>
      <c r="J9" s="35"/>
    </row>
    <row r="10" spans="2:10" ht="7.5" customHeight="1" x14ac:dyDescent="0.15">
      <c r="B10" s="377" t="s">
        <v>13</v>
      </c>
      <c r="C10" s="36"/>
      <c r="D10" s="14"/>
      <c r="E10" s="37"/>
      <c r="F10" s="10"/>
      <c r="G10" s="10"/>
      <c r="H10" s="10"/>
      <c r="I10" s="38"/>
      <c r="J10" s="39"/>
    </row>
    <row r="11" spans="2:10" ht="14.25" customHeight="1" x14ac:dyDescent="0.15">
      <c r="B11" s="378"/>
      <c r="C11" s="40"/>
      <c r="D11" s="41" t="s">
        <v>14</v>
      </c>
      <c r="E11" s="42">
        <v>318</v>
      </c>
      <c r="F11" s="43"/>
      <c r="G11" s="43"/>
      <c r="H11" s="44">
        <v>392</v>
      </c>
      <c r="I11" s="45">
        <v>1.23</v>
      </c>
      <c r="J11" s="46">
        <v>1.1100000000000001</v>
      </c>
    </row>
    <row r="12" spans="2:10" ht="14.25" customHeight="1" x14ac:dyDescent="0.15">
      <c r="B12" s="378"/>
      <c r="C12" s="47"/>
      <c r="D12" s="41" t="s">
        <v>15</v>
      </c>
      <c r="E12" s="42">
        <v>359</v>
      </c>
      <c r="F12" s="43"/>
      <c r="G12" s="43"/>
      <c r="H12" s="44">
        <v>820</v>
      </c>
      <c r="I12" s="45">
        <v>2.2799999999999998</v>
      </c>
      <c r="J12" s="46">
        <v>2.2200000000000002</v>
      </c>
    </row>
    <row r="13" spans="2:10" ht="14.25" customHeight="1" x14ac:dyDescent="0.15">
      <c r="B13" s="378"/>
      <c r="C13" s="40"/>
      <c r="D13" s="41" t="s">
        <v>16</v>
      </c>
      <c r="E13" s="42">
        <v>238</v>
      </c>
      <c r="F13" s="43"/>
      <c r="G13" s="43"/>
      <c r="H13" s="44">
        <v>273</v>
      </c>
      <c r="I13" s="45">
        <v>1.1499999999999999</v>
      </c>
      <c r="J13" s="46">
        <v>1.23</v>
      </c>
    </row>
    <row r="14" spans="2:10" ht="14.25" customHeight="1" x14ac:dyDescent="0.15">
      <c r="B14" s="378"/>
      <c r="C14" s="47"/>
      <c r="D14" s="41" t="s">
        <v>17</v>
      </c>
      <c r="E14" s="42">
        <v>358</v>
      </c>
      <c r="F14" s="43"/>
      <c r="G14" s="43"/>
      <c r="H14" s="44">
        <v>483</v>
      </c>
      <c r="I14" s="45">
        <v>1.35</v>
      </c>
      <c r="J14" s="46">
        <v>1.26</v>
      </c>
    </row>
    <row r="15" spans="2:10" ht="14.25" customHeight="1" x14ac:dyDescent="0.15">
      <c r="B15" s="378"/>
      <c r="C15" s="47"/>
      <c r="D15" s="41" t="s">
        <v>18</v>
      </c>
      <c r="E15" s="42">
        <v>398</v>
      </c>
      <c r="F15" s="43"/>
      <c r="G15" s="43"/>
      <c r="H15" s="44">
        <v>461</v>
      </c>
      <c r="I15" s="45">
        <v>1.1599999999999999</v>
      </c>
      <c r="J15" s="46">
        <v>1.23</v>
      </c>
    </row>
    <row r="16" spans="2:10" ht="14.25" customHeight="1" x14ac:dyDescent="0.15">
      <c r="B16" s="378"/>
      <c r="C16" s="47"/>
      <c r="D16" s="41" t="s">
        <v>19</v>
      </c>
      <c r="E16" s="42">
        <v>318</v>
      </c>
      <c r="F16" s="43"/>
      <c r="G16" s="43"/>
      <c r="H16" s="44">
        <v>426</v>
      </c>
      <c r="I16" s="45">
        <v>1.34</v>
      </c>
      <c r="J16" s="46">
        <v>1.8</v>
      </c>
    </row>
    <row r="17" spans="2:10" ht="14.25" customHeight="1" x14ac:dyDescent="0.15">
      <c r="B17" s="378"/>
      <c r="C17" s="47"/>
      <c r="D17" s="41" t="s">
        <v>20</v>
      </c>
      <c r="E17" s="42">
        <v>318</v>
      </c>
      <c r="F17" s="43"/>
      <c r="G17" s="43"/>
      <c r="H17" s="44">
        <v>312</v>
      </c>
      <c r="I17" s="45">
        <v>0.98</v>
      </c>
      <c r="J17" s="46">
        <v>1.1299999999999999</v>
      </c>
    </row>
    <row r="18" spans="2:10" ht="14.25" customHeight="1" x14ac:dyDescent="0.15">
      <c r="B18" s="378"/>
      <c r="C18" s="47"/>
      <c r="D18" s="41" t="s">
        <v>21</v>
      </c>
      <c r="E18" s="42">
        <v>238</v>
      </c>
      <c r="F18" s="43"/>
      <c r="G18" s="43"/>
      <c r="H18" s="44">
        <v>218</v>
      </c>
      <c r="I18" s="45">
        <v>0.92</v>
      </c>
      <c r="J18" s="46">
        <v>1.21</v>
      </c>
    </row>
    <row r="19" spans="2:10" ht="14.25" customHeight="1" x14ac:dyDescent="0.15">
      <c r="B19" s="378"/>
      <c r="C19" s="47"/>
      <c r="D19" s="41" t="s">
        <v>22</v>
      </c>
      <c r="E19" s="42">
        <v>398</v>
      </c>
      <c r="F19" s="43"/>
      <c r="G19" s="43"/>
      <c r="H19" s="44">
        <v>515</v>
      </c>
      <c r="I19" s="45">
        <v>1.29</v>
      </c>
      <c r="J19" s="46">
        <v>1.39</v>
      </c>
    </row>
    <row r="20" spans="2:10" ht="14.25" customHeight="1" x14ac:dyDescent="0.15">
      <c r="B20" s="378"/>
      <c r="C20" s="47"/>
      <c r="D20" s="41" t="s">
        <v>23</v>
      </c>
      <c r="E20" s="42">
        <v>358</v>
      </c>
      <c r="F20" s="43"/>
      <c r="G20" s="43"/>
      <c r="H20" s="44">
        <v>422</v>
      </c>
      <c r="I20" s="45">
        <v>1.18</v>
      </c>
      <c r="J20" s="46">
        <v>1.38</v>
      </c>
    </row>
    <row r="21" spans="2:10" ht="14.25" customHeight="1" x14ac:dyDescent="0.15">
      <c r="B21" s="378"/>
      <c r="C21" s="47"/>
      <c r="D21" s="41" t="s">
        <v>24</v>
      </c>
      <c r="E21" s="42">
        <v>359</v>
      </c>
      <c r="F21" s="43"/>
      <c r="G21" s="43"/>
      <c r="H21" s="44">
        <v>475</v>
      </c>
      <c r="I21" s="45">
        <v>1.32</v>
      </c>
      <c r="J21" s="46">
        <v>1.49</v>
      </c>
    </row>
    <row r="22" spans="2:10" ht="14.25" customHeight="1" x14ac:dyDescent="0.15">
      <c r="B22" s="378"/>
      <c r="C22" s="47"/>
      <c r="D22" s="41" t="s">
        <v>25</v>
      </c>
      <c r="E22" s="42">
        <v>398</v>
      </c>
      <c r="F22" s="43"/>
      <c r="G22" s="43"/>
      <c r="H22" s="44">
        <v>485</v>
      </c>
      <c r="I22" s="45">
        <v>1.22</v>
      </c>
      <c r="J22" s="46">
        <v>1.23</v>
      </c>
    </row>
    <row r="23" spans="2:10" ht="14.25" customHeight="1" x14ac:dyDescent="0.15">
      <c r="B23" s="378"/>
      <c r="C23" s="47"/>
      <c r="D23" s="41" t="s">
        <v>26</v>
      </c>
      <c r="E23" s="42">
        <v>346</v>
      </c>
      <c r="F23" s="43"/>
      <c r="G23" s="43"/>
      <c r="H23" s="44">
        <v>354</v>
      </c>
      <c r="I23" s="45">
        <v>1.02</v>
      </c>
      <c r="J23" s="46">
        <v>1.1100000000000001</v>
      </c>
    </row>
    <row r="24" spans="2:10" ht="7.5" customHeight="1" x14ac:dyDescent="0.15">
      <c r="B24" s="379"/>
      <c r="C24" s="48"/>
      <c r="D24" s="49"/>
      <c r="E24" s="50"/>
      <c r="F24" s="49"/>
      <c r="G24" s="49"/>
      <c r="H24" s="49"/>
      <c r="I24" s="51"/>
      <c r="J24" s="52"/>
    </row>
    <row r="25" spans="2:10" ht="7.5" customHeight="1" x14ac:dyDescent="0.15">
      <c r="B25" s="387" t="s">
        <v>27</v>
      </c>
      <c r="C25" s="53"/>
      <c r="D25" s="54"/>
      <c r="E25" s="55"/>
      <c r="F25" s="54"/>
      <c r="G25" s="54"/>
      <c r="H25" s="54"/>
      <c r="I25" s="56"/>
      <c r="J25" s="57"/>
    </row>
    <row r="26" spans="2:10" ht="14.25" customHeight="1" x14ac:dyDescent="0.15">
      <c r="B26" s="378"/>
      <c r="C26" s="58"/>
      <c r="D26" s="41" t="s">
        <v>28</v>
      </c>
      <c r="E26" s="42">
        <v>359</v>
      </c>
      <c r="F26" s="43"/>
      <c r="G26" s="43"/>
      <c r="H26" s="44">
        <v>558</v>
      </c>
      <c r="I26" s="45">
        <v>1.55</v>
      </c>
      <c r="J26" s="46">
        <v>1.46</v>
      </c>
    </row>
    <row r="27" spans="2:10" ht="14.25" customHeight="1" x14ac:dyDescent="0.15">
      <c r="B27" s="378"/>
      <c r="C27" s="58"/>
      <c r="D27" s="41" t="s">
        <v>29</v>
      </c>
      <c r="E27" s="42">
        <v>118</v>
      </c>
      <c r="F27" s="43"/>
      <c r="G27" s="43"/>
      <c r="H27" s="44">
        <v>92</v>
      </c>
      <c r="I27" s="45">
        <v>0.78</v>
      </c>
      <c r="J27" s="46">
        <v>0.81</v>
      </c>
    </row>
    <row r="28" spans="2:10" ht="14.25" customHeight="1" x14ac:dyDescent="0.15">
      <c r="B28" s="378"/>
      <c r="C28" s="58"/>
      <c r="D28" s="41" t="s">
        <v>30</v>
      </c>
      <c r="E28" s="42">
        <v>318</v>
      </c>
      <c r="F28" s="43"/>
      <c r="G28" s="43"/>
      <c r="H28" s="44">
        <v>287</v>
      </c>
      <c r="I28" s="45">
        <v>0.9</v>
      </c>
      <c r="J28" s="46">
        <v>1.01</v>
      </c>
    </row>
    <row r="29" spans="2:10" ht="14.25" customHeight="1" x14ac:dyDescent="0.15">
      <c r="B29" s="378"/>
      <c r="C29" s="58"/>
      <c r="D29" s="41" t="s">
        <v>31</v>
      </c>
      <c r="E29" s="42">
        <v>318</v>
      </c>
      <c r="F29" s="43"/>
      <c r="G29" s="43"/>
      <c r="H29" s="44">
        <v>451</v>
      </c>
      <c r="I29" s="45">
        <v>1.42</v>
      </c>
      <c r="J29" s="46">
        <v>0.99</v>
      </c>
    </row>
    <row r="30" spans="2:10" ht="14.25" customHeight="1" x14ac:dyDescent="0.15">
      <c r="B30" s="378"/>
      <c r="C30" s="58"/>
      <c r="D30" s="41" t="s">
        <v>32</v>
      </c>
      <c r="E30" s="42">
        <v>318</v>
      </c>
      <c r="F30" s="43"/>
      <c r="G30" s="43"/>
      <c r="H30" s="44">
        <v>363</v>
      </c>
      <c r="I30" s="45">
        <v>1.1399999999999999</v>
      </c>
      <c r="J30" s="46">
        <v>0.97</v>
      </c>
    </row>
    <row r="31" spans="2:10" ht="14.25" customHeight="1" x14ac:dyDescent="0.15">
      <c r="B31" s="378"/>
      <c r="C31" s="58"/>
      <c r="D31" s="41" t="s">
        <v>33</v>
      </c>
      <c r="E31" s="42">
        <v>319</v>
      </c>
      <c r="F31" s="43"/>
      <c r="G31" s="43"/>
      <c r="H31" s="44">
        <v>462</v>
      </c>
      <c r="I31" s="45">
        <v>1.45</v>
      </c>
      <c r="J31" s="46">
        <v>1.3</v>
      </c>
    </row>
    <row r="32" spans="2:10" ht="14.25" customHeight="1" x14ac:dyDescent="0.15">
      <c r="B32" s="378"/>
      <c r="C32" s="58"/>
      <c r="D32" s="41" t="s">
        <v>34</v>
      </c>
      <c r="E32" s="42">
        <v>279</v>
      </c>
      <c r="F32" s="43"/>
      <c r="G32" s="43"/>
      <c r="H32" s="44">
        <v>363</v>
      </c>
      <c r="I32" s="45">
        <v>1.3</v>
      </c>
      <c r="J32" s="46">
        <v>1.17</v>
      </c>
    </row>
    <row r="33" spans="2:10" ht="14.25" customHeight="1" x14ac:dyDescent="0.15">
      <c r="B33" s="378"/>
      <c r="C33" s="58"/>
      <c r="D33" s="41" t="s">
        <v>35</v>
      </c>
      <c r="E33" s="42">
        <v>238</v>
      </c>
      <c r="F33" s="43"/>
      <c r="G33" s="43"/>
      <c r="H33" s="44">
        <v>260</v>
      </c>
      <c r="I33" s="45">
        <v>1.0900000000000001</v>
      </c>
      <c r="J33" s="46">
        <v>1.01</v>
      </c>
    </row>
    <row r="34" spans="2:10" ht="14.25" customHeight="1" x14ac:dyDescent="0.15">
      <c r="B34" s="378"/>
      <c r="C34" s="58"/>
      <c r="D34" s="41" t="s">
        <v>36</v>
      </c>
      <c r="E34" s="42">
        <v>358</v>
      </c>
      <c r="F34" s="43"/>
      <c r="G34" s="43"/>
      <c r="H34" s="44">
        <v>334</v>
      </c>
      <c r="I34" s="45">
        <v>0.93</v>
      </c>
      <c r="J34" s="46">
        <v>1.1499999999999999</v>
      </c>
    </row>
    <row r="35" spans="2:10" ht="14.25" customHeight="1" x14ac:dyDescent="0.15">
      <c r="B35" s="378"/>
      <c r="C35" s="58"/>
      <c r="D35" s="41" t="s">
        <v>37</v>
      </c>
      <c r="E35" s="42">
        <v>238</v>
      </c>
      <c r="F35" s="43"/>
      <c r="G35" s="43"/>
      <c r="H35" s="44">
        <v>247</v>
      </c>
      <c r="I35" s="45">
        <v>1.04</v>
      </c>
      <c r="J35" s="46">
        <v>1.32</v>
      </c>
    </row>
    <row r="36" spans="2:10" ht="14.25" customHeight="1" x14ac:dyDescent="0.15">
      <c r="B36" s="378"/>
      <c r="C36" s="58"/>
      <c r="D36" s="41" t="s">
        <v>38</v>
      </c>
      <c r="E36" s="42">
        <v>318</v>
      </c>
      <c r="F36" s="43"/>
      <c r="G36" s="43"/>
      <c r="H36" s="44">
        <v>349</v>
      </c>
      <c r="I36" s="45">
        <v>1.1000000000000001</v>
      </c>
      <c r="J36" s="46">
        <v>1.07</v>
      </c>
    </row>
    <row r="37" spans="2:10" ht="7.5" customHeight="1" x14ac:dyDescent="0.15">
      <c r="B37" s="379"/>
      <c r="C37" s="48"/>
      <c r="D37" s="49"/>
      <c r="E37" s="50"/>
      <c r="F37" s="49"/>
      <c r="G37" s="49"/>
      <c r="H37" s="49"/>
      <c r="I37" s="51"/>
      <c r="J37" s="52"/>
    </row>
    <row r="38" spans="2:10" ht="7.5" customHeight="1" x14ac:dyDescent="0.15">
      <c r="B38" s="387" t="s">
        <v>39</v>
      </c>
      <c r="C38" s="53"/>
      <c r="D38" s="54"/>
      <c r="E38" s="55"/>
      <c r="F38" s="54"/>
      <c r="G38" s="54"/>
      <c r="H38" s="59"/>
      <c r="I38" s="56"/>
      <c r="J38" s="60"/>
    </row>
    <row r="39" spans="2:10" ht="14.25" customHeight="1" x14ac:dyDescent="0.15">
      <c r="B39" s="378"/>
      <c r="C39" s="58"/>
      <c r="D39" s="41" t="s">
        <v>40</v>
      </c>
      <c r="E39" s="42">
        <v>238</v>
      </c>
      <c r="F39" s="43"/>
      <c r="G39" s="43"/>
      <c r="H39" s="44">
        <v>273</v>
      </c>
      <c r="I39" s="45">
        <v>1.1499999999999999</v>
      </c>
      <c r="J39" s="46">
        <v>1.34</v>
      </c>
    </row>
    <row r="40" spans="2:10" ht="14.25" customHeight="1" x14ac:dyDescent="0.15">
      <c r="B40" s="378"/>
      <c r="C40" s="58"/>
      <c r="D40" s="41" t="s">
        <v>41</v>
      </c>
      <c r="E40" s="42">
        <v>319</v>
      </c>
      <c r="F40" s="43"/>
      <c r="G40" s="43"/>
      <c r="H40" s="44">
        <v>500</v>
      </c>
      <c r="I40" s="45">
        <v>1.57</v>
      </c>
      <c r="J40" s="46">
        <v>1.59</v>
      </c>
    </row>
    <row r="41" spans="2:10" ht="14.25" customHeight="1" x14ac:dyDescent="0.15">
      <c r="B41" s="378"/>
      <c r="C41" s="58"/>
      <c r="D41" s="41" t="s">
        <v>42</v>
      </c>
      <c r="E41" s="42">
        <v>279</v>
      </c>
      <c r="F41" s="43"/>
      <c r="G41" s="43"/>
      <c r="H41" s="44">
        <v>474</v>
      </c>
      <c r="I41" s="45">
        <v>1.7</v>
      </c>
      <c r="J41" s="46">
        <v>1.54</v>
      </c>
    </row>
    <row r="42" spans="2:10" ht="14.25" customHeight="1" x14ac:dyDescent="0.15">
      <c r="B42" s="378"/>
      <c r="C42" s="58"/>
      <c r="D42" s="41" t="s">
        <v>43</v>
      </c>
      <c r="E42" s="42">
        <v>278</v>
      </c>
      <c r="F42" s="43"/>
      <c r="G42" s="43"/>
      <c r="H42" s="44">
        <v>335</v>
      </c>
      <c r="I42" s="45">
        <v>1.21</v>
      </c>
      <c r="J42" s="46">
        <v>1.34</v>
      </c>
    </row>
    <row r="43" spans="2:10" ht="14.25" customHeight="1" x14ac:dyDescent="0.15">
      <c r="B43" s="378"/>
      <c r="C43" s="58"/>
      <c r="D43" s="41" t="s">
        <v>44</v>
      </c>
      <c r="E43" s="42">
        <v>358</v>
      </c>
      <c r="F43" s="43"/>
      <c r="G43" s="43"/>
      <c r="H43" s="44">
        <v>425</v>
      </c>
      <c r="I43" s="45">
        <v>1.19</v>
      </c>
      <c r="J43" s="46">
        <v>1.21</v>
      </c>
    </row>
    <row r="44" spans="2:10" ht="7.5" customHeight="1" x14ac:dyDescent="0.15">
      <c r="B44" s="379"/>
      <c r="C44" s="48"/>
      <c r="D44" s="49"/>
      <c r="E44" s="50"/>
      <c r="F44" s="49"/>
      <c r="G44" s="49"/>
      <c r="H44" s="49"/>
      <c r="I44" s="51"/>
      <c r="J44" s="52"/>
    </row>
    <row r="45" spans="2:10" ht="7.5" customHeight="1" x14ac:dyDescent="0.15">
      <c r="B45" s="387" t="s">
        <v>45</v>
      </c>
      <c r="C45" s="53"/>
      <c r="D45" s="54"/>
      <c r="E45" s="55"/>
      <c r="F45" s="54"/>
      <c r="G45" s="54"/>
      <c r="H45" s="54"/>
      <c r="I45" s="56"/>
      <c r="J45" s="57"/>
    </row>
    <row r="46" spans="2:10" ht="14.25" customHeight="1" x14ac:dyDescent="0.15">
      <c r="B46" s="378"/>
      <c r="C46" s="58"/>
      <c r="D46" s="41" t="s">
        <v>46</v>
      </c>
      <c r="E46" s="42">
        <v>268</v>
      </c>
      <c r="F46" s="43"/>
      <c r="G46" s="43"/>
      <c r="H46" s="44">
        <v>456</v>
      </c>
      <c r="I46" s="45">
        <v>1.7</v>
      </c>
      <c r="J46" s="46">
        <v>2.0499999999999998</v>
      </c>
    </row>
    <row r="47" spans="2:10" ht="14.25" customHeight="1" x14ac:dyDescent="0.15">
      <c r="B47" s="378"/>
      <c r="C47" s="58"/>
      <c r="D47" s="41" t="s">
        <v>47</v>
      </c>
      <c r="E47" s="42">
        <v>358</v>
      </c>
      <c r="F47" s="43"/>
      <c r="G47" s="43"/>
      <c r="H47" s="44">
        <v>424</v>
      </c>
      <c r="I47" s="45">
        <v>1.18</v>
      </c>
      <c r="J47" s="46">
        <v>1.43</v>
      </c>
    </row>
    <row r="48" spans="2:10" ht="14.25" customHeight="1" x14ac:dyDescent="0.15">
      <c r="B48" s="378"/>
      <c r="C48" s="58"/>
      <c r="D48" s="61" t="s">
        <v>48</v>
      </c>
      <c r="E48" s="42">
        <v>278</v>
      </c>
      <c r="F48" s="43"/>
      <c r="G48" s="43"/>
      <c r="H48" s="44">
        <v>235</v>
      </c>
      <c r="I48" s="45">
        <v>0.85</v>
      </c>
      <c r="J48" s="46">
        <v>0.99</v>
      </c>
    </row>
    <row r="49" spans="2:10" ht="14.25" customHeight="1" x14ac:dyDescent="0.15">
      <c r="B49" s="378"/>
      <c r="C49" s="58"/>
      <c r="D49" s="61" t="s">
        <v>49</v>
      </c>
      <c r="E49" s="42">
        <v>279</v>
      </c>
      <c r="F49" s="43"/>
      <c r="G49" s="43"/>
      <c r="H49" s="44">
        <v>519</v>
      </c>
      <c r="I49" s="45">
        <v>1.86</v>
      </c>
      <c r="J49" s="46">
        <v>1.85</v>
      </c>
    </row>
    <row r="50" spans="2:10" ht="14.25" customHeight="1" x14ac:dyDescent="0.15">
      <c r="B50" s="378"/>
      <c r="C50" s="58"/>
      <c r="D50" s="41" t="s">
        <v>50</v>
      </c>
      <c r="E50" s="42">
        <v>398</v>
      </c>
      <c r="F50" s="43"/>
      <c r="G50" s="43"/>
      <c r="H50" s="44">
        <v>457</v>
      </c>
      <c r="I50" s="45">
        <v>1.1499999999999999</v>
      </c>
      <c r="J50" s="46">
        <v>1.18</v>
      </c>
    </row>
    <row r="51" spans="2:10" ht="14.25" customHeight="1" x14ac:dyDescent="0.15">
      <c r="B51" s="378"/>
      <c r="C51" s="58"/>
      <c r="D51" s="41" t="s">
        <v>51</v>
      </c>
      <c r="E51" s="42">
        <v>398</v>
      </c>
      <c r="F51" s="43"/>
      <c r="G51" s="43"/>
      <c r="H51" s="44">
        <v>360</v>
      </c>
      <c r="I51" s="45">
        <v>0.9</v>
      </c>
      <c r="J51" s="46">
        <v>1</v>
      </c>
    </row>
    <row r="52" spans="2:10" ht="14.25" customHeight="1" x14ac:dyDescent="0.15">
      <c r="B52" s="378"/>
      <c r="C52" s="58"/>
      <c r="D52" s="41" t="s">
        <v>52</v>
      </c>
      <c r="E52" s="42">
        <v>318</v>
      </c>
      <c r="F52" s="43"/>
      <c r="G52" s="43"/>
      <c r="H52" s="44">
        <v>344</v>
      </c>
      <c r="I52" s="45">
        <v>1.08</v>
      </c>
      <c r="J52" s="46">
        <v>1.0900000000000001</v>
      </c>
    </row>
    <row r="53" spans="2:10" ht="14.25" customHeight="1" x14ac:dyDescent="0.15">
      <c r="B53" s="378"/>
      <c r="C53" s="58"/>
      <c r="D53" s="41" t="s">
        <v>53</v>
      </c>
      <c r="E53" s="42">
        <v>278</v>
      </c>
      <c r="F53" s="43"/>
      <c r="G53" s="43"/>
      <c r="H53" s="44">
        <v>152</v>
      </c>
      <c r="I53" s="45">
        <v>0.55000000000000004</v>
      </c>
      <c r="J53" s="46">
        <v>0.9</v>
      </c>
    </row>
    <row r="54" spans="2:10" ht="14.25" customHeight="1" x14ac:dyDescent="0.15">
      <c r="B54" s="378"/>
      <c r="C54" s="58"/>
      <c r="D54" s="41" t="s">
        <v>54</v>
      </c>
      <c r="E54" s="42">
        <v>318</v>
      </c>
      <c r="F54" s="43"/>
      <c r="G54" s="43"/>
      <c r="H54" s="44">
        <v>304</v>
      </c>
      <c r="I54" s="45">
        <v>0.96</v>
      </c>
      <c r="J54" s="46">
        <v>0.95</v>
      </c>
    </row>
    <row r="55" spans="2:10" ht="7.5" customHeight="1" x14ac:dyDescent="0.15">
      <c r="B55" s="388"/>
      <c r="C55" s="29"/>
      <c r="D55" s="30"/>
      <c r="E55" s="62"/>
      <c r="F55" s="30"/>
      <c r="G55" s="30"/>
      <c r="H55" s="30"/>
      <c r="I55" s="33"/>
      <c r="J55" s="63"/>
    </row>
    <row r="56" spans="2:10" ht="7.15" customHeight="1" x14ac:dyDescent="0.15">
      <c r="B56" s="64"/>
      <c r="C56" s="64"/>
      <c r="D56" s="64"/>
      <c r="E56" s="64"/>
      <c r="F56" s="64"/>
      <c r="G56" s="64"/>
      <c r="H56" s="64"/>
      <c r="I56" s="64"/>
      <c r="J56" s="64"/>
    </row>
    <row r="57" spans="2:10" ht="7.5" customHeight="1" x14ac:dyDescent="0.15">
      <c r="B57" s="380" t="s">
        <v>55</v>
      </c>
      <c r="C57" s="65"/>
      <c r="D57" s="10"/>
      <c r="E57" s="37"/>
      <c r="F57" s="10"/>
      <c r="G57" s="10"/>
      <c r="H57" s="10"/>
      <c r="I57" s="38"/>
      <c r="J57" s="66"/>
    </row>
    <row r="58" spans="2:10" ht="14.25" customHeight="1" x14ac:dyDescent="0.15">
      <c r="B58" s="381"/>
      <c r="C58" s="58"/>
      <c r="D58" s="41" t="s">
        <v>56</v>
      </c>
      <c r="E58" s="42">
        <v>279</v>
      </c>
      <c r="F58" s="43"/>
      <c r="G58" s="43"/>
      <c r="H58" s="44">
        <v>363</v>
      </c>
      <c r="I58" s="45">
        <v>1.3</v>
      </c>
      <c r="J58" s="46">
        <v>1.42</v>
      </c>
    </row>
    <row r="59" spans="2:10" ht="14.25" customHeight="1" x14ac:dyDescent="0.15">
      <c r="B59" s="381"/>
      <c r="C59" s="58"/>
      <c r="D59" s="41" t="s">
        <v>57</v>
      </c>
      <c r="E59" s="42">
        <v>278</v>
      </c>
      <c r="F59" s="43"/>
      <c r="G59" s="43"/>
      <c r="H59" s="44">
        <v>331</v>
      </c>
      <c r="I59" s="45">
        <v>1.19</v>
      </c>
      <c r="J59" s="46">
        <v>0.96</v>
      </c>
    </row>
    <row r="60" spans="2:10" ht="14.25" customHeight="1" x14ac:dyDescent="0.15">
      <c r="B60" s="381"/>
      <c r="C60" s="58"/>
      <c r="D60" s="41" t="s">
        <v>58</v>
      </c>
      <c r="E60" s="42">
        <v>318</v>
      </c>
      <c r="F60" s="43"/>
      <c r="G60" s="43"/>
      <c r="H60" s="44">
        <v>320</v>
      </c>
      <c r="I60" s="45">
        <v>1.01</v>
      </c>
      <c r="J60" s="46">
        <v>1.5</v>
      </c>
    </row>
    <row r="61" spans="2:10" ht="14.25" customHeight="1" x14ac:dyDescent="0.15">
      <c r="B61" s="381"/>
      <c r="C61" s="58"/>
      <c r="D61" s="41" t="s">
        <v>59</v>
      </c>
      <c r="E61" s="42">
        <v>238</v>
      </c>
      <c r="F61" s="43"/>
      <c r="G61" s="43"/>
      <c r="H61" s="44">
        <v>278</v>
      </c>
      <c r="I61" s="45">
        <v>1.17</v>
      </c>
      <c r="J61" s="46">
        <v>0.99</v>
      </c>
    </row>
    <row r="62" spans="2:10" ht="14.25" customHeight="1" x14ac:dyDescent="0.15">
      <c r="B62" s="381"/>
      <c r="C62" s="58"/>
      <c r="D62" s="41" t="s">
        <v>60</v>
      </c>
      <c r="E62" s="42">
        <v>318</v>
      </c>
      <c r="F62" s="43"/>
      <c r="G62" s="43"/>
      <c r="H62" s="44">
        <v>352</v>
      </c>
      <c r="I62" s="45">
        <v>1.1100000000000001</v>
      </c>
      <c r="J62" s="46">
        <v>1.1399999999999999</v>
      </c>
    </row>
    <row r="63" spans="2:10" ht="7.5" customHeight="1" x14ac:dyDescent="0.15">
      <c r="B63" s="382"/>
      <c r="C63" s="48"/>
      <c r="D63" s="49"/>
      <c r="E63" s="50"/>
      <c r="F63" s="49"/>
      <c r="G63" s="49"/>
      <c r="H63" s="49"/>
      <c r="I63" s="51"/>
      <c r="J63" s="52"/>
    </row>
    <row r="64" spans="2:10" ht="7.5" customHeight="1" x14ac:dyDescent="0.15">
      <c r="B64" s="386" t="s">
        <v>61</v>
      </c>
      <c r="C64" s="53"/>
      <c r="D64" s="54"/>
      <c r="E64" s="55"/>
      <c r="F64" s="54"/>
      <c r="G64" s="54"/>
      <c r="H64" s="54"/>
      <c r="I64" s="56"/>
      <c r="J64" s="57"/>
    </row>
    <row r="65" spans="2:10" ht="14.25" customHeight="1" x14ac:dyDescent="0.15">
      <c r="B65" s="381"/>
      <c r="C65" s="58"/>
      <c r="D65" s="41" t="s">
        <v>62</v>
      </c>
      <c r="E65" s="42">
        <v>359</v>
      </c>
      <c r="F65" s="43"/>
      <c r="G65" s="43"/>
      <c r="H65" s="44">
        <v>446</v>
      </c>
      <c r="I65" s="45">
        <v>1.24</v>
      </c>
      <c r="J65" s="46">
        <v>1.44</v>
      </c>
    </row>
    <row r="66" spans="2:10" ht="14.25" customHeight="1" x14ac:dyDescent="0.15">
      <c r="B66" s="381"/>
      <c r="C66" s="58"/>
      <c r="D66" s="41" t="s">
        <v>63</v>
      </c>
      <c r="E66" s="42">
        <v>358</v>
      </c>
      <c r="F66" s="43"/>
      <c r="G66" s="43"/>
      <c r="H66" s="44">
        <v>546</v>
      </c>
      <c r="I66" s="45">
        <v>1.53</v>
      </c>
      <c r="J66" s="46">
        <v>1.34</v>
      </c>
    </row>
    <row r="67" spans="2:10" ht="14.25" customHeight="1" x14ac:dyDescent="0.15">
      <c r="B67" s="381"/>
      <c r="C67" s="58"/>
      <c r="D67" s="41" t="s">
        <v>64</v>
      </c>
      <c r="E67" s="42">
        <v>398</v>
      </c>
      <c r="F67" s="43"/>
      <c r="G67" s="43"/>
      <c r="H67" s="44">
        <v>453</v>
      </c>
      <c r="I67" s="45">
        <v>1.1399999999999999</v>
      </c>
      <c r="J67" s="46">
        <v>1.27</v>
      </c>
    </row>
    <row r="68" spans="2:10" ht="14.25" customHeight="1" x14ac:dyDescent="0.15">
      <c r="B68" s="381"/>
      <c r="C68" s="58"/>
      <c r="D68" s="41" t="s">
        <v>65</v>
      </c>
      <c r="E68" s="42">
        <v>359</v>
      </c>
      <c r="F68" s="43"/>
      <c r="G68" s="43"/>
      <c r="H68" s="44">
        <v>627</v>
      </c>
      <c r="I68" s="45">
        <v>1.75</v>
      </c>
      <c r="J68" s="46">
        <v>1.76</v>
      </c>
    </row>
    <row r="69" spans="2:10" ht="14.25" customHeight="1" x14ac:dyDescent="0.15">
      <c r="B69" s="381"/>
      <c r="C69" s="58"/>
      <c r="D69" s="41" t="s">
        <v>66</v>
      </c>
      <c r="E69" s="42">
        <v>318</v>
      </c>
      <c r="F69" s="43"/>
      <c r="G69" s="43"/>
      <c r="H69" s="44">
        <v>374</v>
      </c>
      <c r="I69" s="45">
        <v>1.18</v>
      </c>
      <c r="J69" s="46">
        <v>1.54</v>
      </c>
    </row>
    <row r="70" spans="2:10" ht="14.25" customHeight="1" x14ac:dyDescent="0.15">
      <c r="B70" s="381"/>
      <c r="C70" s="58"/>
      <c r="D70" s="41" t="s">
        <v>67</v>
      </c>
      <c r="E70" s="42">
        <v>238</v>
      </c>
      <c r="F70" s="43"/>
      <c r="G70" s="43"/>
      <c r="H70" s="44">
        <v>262</v>
      </c>
      <c r="I70" s="45">
        <v>1.1000000000000001</v>
      </c>
      <c r="J70" s="46">
        <v>1.44</v>
      </c>
    </row>
    <row r="71" spans="2:10" ht="14.25" customHeight="1" x14ac:dyDescent="0.15">
      <c r="B71" s="381"/>
      <c r="C71" s="58"/>
      <c r="D71" s="61" t="s">
        <v>68</v>
      </c>
      <c r="E71" s="42">
        <v>278</v>
      </c>
      <c r="F71" s="43"/>
      <c r="G71" s="43"/>
      <c r="H71" s="44">
        <v>349</v>
      </c>
      <c r="I71" s="45">
        <v>1.26</v>
      </c>
      <c r="J71" s="46">
        <v>1.58</v>
      </c>
    </row>
    <row r="72" spans="2:10" ht="14.25" customHeight="1" x14ac:dyDescent="0.15">
      <c r="B72" s="381"/>
      <c r="C72" s="58"/>
      <c r="D72" s="61" t="s">
        <v>69</v>
      </c>
      <c r="E72" s="42">
        <v>279</v>
      </c>
      <c r="F72" s="43"/>
      <c r="G72" s="43"/>
      <c r="H72" s="44">
        <v>396</v>
      </c>
      <c r="I72" s="45">
        <v>1.42</v>
      </c>
      <c r="J72" s="46">
        <v>1.19</v>
      </c>
    </row>
    <row r="73" spans="2:10" ht="14.25" customHeight="1" x14ac:dyDescent="0.15">
      <c r="B73" s="381"/>
      <c r="C73" s="58"/>
      <c r="D73" s="61" t="s">
        <v>70</v>
      </c>
      <c r="E73" s="42">
        <v>383</v>
      </c>
      <c r="F73" s="43"/>
      <c r="G73" s="43"/>
      <c r="H73" s="44">
        <v>425</v>
      </c>
      <c r="I73" s="45">
        <v>1.1100000000000001</v>
      </c>
      <c r="J73" s="46">
        <v>1.08</v>
      </c>
    </row>
    <row r="74" spans="2:10" ht="14.25" customHeight="1" x14ac:dyDescent="0.15">
      <c r="B74" s="381"/>
      <c r="C74" s="58"/>
      <c r="D74" s="41" t="s">
        <v>71</v>
      </c>
      <c r="E74" s="42">
        <v>358</v>
      </c>
      <c r="F74" s="43"/>
      <c r="G74" s="43"/>
      <c r="H74" s="44">
        <v>351</v>
      </c>
      <c r="I74" s="45">
        <v>0.98</v>
      </c>
      <c r="J74" s="46">
        <v>1.1399999999999999</v>
      </c>
    </row>
    <row r="75" spans="2:10" ht="14.25" customHeight="1" x14ac:dyDescent="0.15">
      <c r="B75" s="381"/>
      <c r="C75" s="58"/>
      <c r="D75" s="41" t="s">
        <v>72</v>
      </c>
      <c r="E75" s="42">
        <v>238</v>
      </c>
      <c r="F75" s="43"/>
      <c r="G75" s="43"/>
      <c r="H75" s="44">
        <v>134</v>
      </c>
      <c r="I75" s="45">
        <v>0.56000000000000005</v>
      </c>
      <c r="J75" s="46">
        <v>0.6</v>
      </c>
    </row>
    <row r="76" spans="2:10" ht="7.5" customHeight="1" x14ac:dyDescent="0.15">
      <c r="B76" s="382"/>
      <c r="C76" s="48"/>
      <c r="D76" s="49"/>
      <c r="E76" s="50"/>
      <c r="F76" s="49"/>
      <c r="G76" s="49"/>
      <c r="H76" s="49"/>
      <c r="I76" s="51"/>
      <c r="J76" s="52"/>
    </row>
    <row r="77" spans="2:10" ht="7.5" customHeight="1" x14ac:dyDescent="0.15">
      <c r="B77" s="386" t="s">
        <v>73</v>
      </c>
      <c r="C77" s="53"/>
      <c r="D77" s="54"/>
      <c r="E77" s="55"/>
      <c r="F77" s="54"/>
      <c r="G77" s="54"/>
      <c r="H77" s="54"/>
      <c r="I77" s="56"/>
      <c r="J77" s="57"/>
    </row>
    <row r="78" spans="2:10" ht="14.25" customHeight="1" x14ac:dyDescent="0.15">
      <c r="B78" s="381"/>
      <c r="C78" s="58"/>
      <c r="D78" s="41" t="s">
        <v>74</v>
      </c>
      <c r="E78" s="42">
        <v>319</v>
      </c>
      <c r="F78" s="43"/>
      <c r="G78" s="43"/>
      <c r="H78" s="44">
        <v>362</v>
      </c>
      <c r="I78" s="45">
        <v>1.1299999999999999</v>
      </c>
      <c r="J78" s="46">
        <v>1.36</v>
      </c>
    </row>
    <row r="79" spans="2:10" ht="14.25" customHeight="1" x14ac:dyDescent="0.15">
      <c r="B79" s="381"/>
      <c r="C79" s="58"/>
      <c r="D79" s="41" t="s">
        <v>75</v>
      </c>
      <c r="E79" s="42">
        <v>228</v>
      </c>
      <c r="F79" s="43"/>
      <c r="G79" s="43"/>
      <c r="H79" s="44">
        <v>245</v>
      </c>
      <c r="I79" s="45">
        <v>1.07</v>
      </c>
      <c r="J79" s="46">
        <v>1.01</v>
      </c>
    </row>
    <row r="80" spans="2:10" ht="14.25" customHeight="1" x14ac:dyDescent="0.15">
      <c r="B80" s="381"/>
      <c r="C80" s="58"/>
      <c r="D80" s="41" t="s">
        <v>76</v>
      </c>
      <c r="E80" s="42">
        <v>278</v>
      </c>
      <c r="F80" s="43"/>
      <c r="G80" s="43"/>
      <c r="H80" s="44">
        <v>375</v>
      </c>
      <c r="I80" s="45">
        <v>1.35</v>
      </c>
      <c r="J80" s="46">
        <v>1.1599999999999999</v>
      </c>
    </row>
    <row r="81" spans="2:10" ht="14.25" customHeight="1" x14ac:dyDescent="0.15">
      <c r="B81" s="381"/>
      <c r="C81" s="58"/>
      <c r="D81" s="41" t="s">
        <v>77</v>
      </c>
      <c r="E81" s="42">
        <v>238</v>
      </c>
      <c r="F81" s="43"/>
      <c r="G81" s="43"/>
      <c r="H81" s="44">
        <v>85</v>
      </c>
      <c r="I81" s="45">
        <v>0.36</v>
      </c>
      <c r="J81" s="46">
        <v>0.84</v>
      </c>
    </row>
    <row r="82" spans="2:10" ht="14.25" customHeight="1" x14ac:dyDescent="0.15">
      <c r="B82" s="381"/>
      <c r="C82" s="58"/>
      <c r="D82" s="41" t="s">
        <v>78</v>
      </c>
      <c r="E82" s="42">
        <v>358</v>
      </c>
      <c r="F82" s="43"/>
      <c r="G82" s="43"/>
      <c r="H82" s="44">
        <v>393</v>
      </c>
      <c r="I82" s="45">
        <v>1.1000000000000001</v>
      </c>
      <c r="J82" s="46">
        <v>0.99</v>
      </c>
    </row>
    <row r="83" spans="2:10" ht="14.25" customHeight="1" x14ac:dyDescent="0.15">
      <c r="B83" s="381"/>
      <c r="C83" s="58"/>
      <c r="D83" s="41" t="s">
        <v>79</v>
      </c>
      <c r="E83" s="42">
        <v>278</v>
      </c>
      <c r="F83" s="43"/>
      <c r="G83" s="43"/>
      <c r="H83" s="44">
        <v>221</v>
      </c>
      <c r="I83" s="45">
        <v>0.79</v>
      </c>
      <c r="J83" s="46">
        <v>0.85</v>
      </c>
    </row>
    <row r="84" spans="2:10" ht="14.25" customHeight="1" x14ac:dyDescent="0.15">
      <c r="B84" s="381"/>
      <c r="C84" s="58"/>
      <c r="D84" s="41" t="s">
        <v>80</v>
      </c>
      <c r="E84" s="42">
        <v>228</v>
      </c>
      <c r="F84" s="43"/>
      <c r="G84" s="43"/>
      <c r="H84" s="44">
        <v>258</v>
      </c>
      <c r="I84" s="45">
        <v>1.1299999999999999</v>
      </c>
      <c r="J84" s="46">
        <v>1.34</v>
      </c>
    </row>
    <row r="85" spans="2:10" ht="14.25" customHeight="1" x14ac:dyDescent="0.15">
      <c r="B85" s="381"/>
      <c r="C85" s="58"/>
      <c r="D85" s="41" t="s">
        <v>81</v>
      </c>
      <c r="E85" s="42">
        <v>308</v>
      </c>
      <c r="F85" s="43"/>
      <c r="G85" s="43"/>
      <c r="H85" s="44">
        <v>319</v>
      </c>
      <c r="I85" s="45">
        <v>1.04</v>
      </c>
      <c r="J85" s="46">
        <v>1.17</v>
      </c>
    </row>
    <row r="86" spans="2:10" ht="7.5" customHeight="1" x14ac:dyDescent="0.15">
      <c r="B86" s="382"/>
      <c r="C86" s="48"/>
      <c r="D86" s="49"/>
      <c r="E86" s="50"/>
      <c r="F86" s="49"/>
      <c r="G86" s="49"/>
      <c r="H86" s="49"/>
      <c r="I86" s="51"/>
      <c r="J86" s="52"/>
    </row>
    <row r="87" spans="2:10" ht="7.5" customHeight="1" x14ac:dyDescent="0.15">
      <c r="B87" s="387" t="s">
        <v>82</v>
      </c>
      <c r="C87" s="53"/>
      <c r="D87" s="54"/>
      <c r="E87" s="55"/>
      <c r="F87" s="54"/>
      <c r="G87" s="54"/>
      <c r="H87" s="54"/>
      <c r="I87" s="56"/>
      <c r="J87" s="57"/>
    </row>
    <row r="88" spans="2:10" ht="14.25" customHeight="1" x14ac:dyDescent="0.15">
      <c r="B88" s="378"/>
      <c r="C88" s="36"/>
      <c r="D88" s="67" t="s">
        <v>83</v>
      </c>
      <c r="E88" s="42">
        <v>118</v>
      </c>
      <c r="F88" s="43"/>
      <c r="G88" s="43"/>
      <c r="H88" s="44">
        <v>69</v>
      </c>
      <c r="I88" s="45">
        <v>0.57999999999999996</v>
      </c>
      <c r="J88" s="46">
        <v>0.75</v>
      </c>
    </row>
    <row r="89" spans="2:10" ht="14.25" customHeight="1" x14ac:dyDescent="0.15">
      <c r="B89" s="378"/>
      <c r="C89" s="58"/>
      <c r="D89" s="41" t="s">
        <v>84</v>
      </c>
      <c r="E89" s="42">
        <v>348</v>
      </c>
      <c r="F89" s="43"/>
      <c r="G89" s="43"/>
      <c r="H89" s="44">
        <v>318</v>
      </c>
      <c r="I89" s="45">
        <v>0.91</v>
      </c>
      <c r="J89" s="46">
        <v>1.1299999999999999</v>
      </c>
    </row>
    <row r="90" spans="2:10" ht="14.25" customHeight="1" x14ac:dyDescent="0.15">
      <c r="B90" s="378"/>
      <c r="C90" s="58"/>
      <c r="D90" s="41" t="s">
        <v>85</v>
      </c>
      <c r="E90" s="42">
        <v>238</v>
      </c>
      <c r="F90" s="43"/>
      <c r="G90" s="43"/>
      <c r="H90" s="44">
        <v>242</v>
      </c>
      <c r="I90" s="45">
        <v>1.02</v>
      </c>
      <c r="J90" s="46">
        <v>0.81</v>
      </c>
    </row>
    <row r="91" spans="2:10" ht="14.25" customHeight="1" x14ac:dyDescent="0.15">
      <c r="B91" s="378"/>
      <c r="C91" s="58"/>
      <c r="D91" s="41" t="s">
        <v>86</v>
      </c>
      <c r="E91" s="42">
        <v>198</v>
      </c>
      <c r="F91" s="43"/>
      <c r="G91" s="43"/>
      <c r="H91" s="44">
        <v>153</v>
      </c>
      <c r="I91" s="45">
        <v>0.77</v>
      </c>
      <c r="J91" s="46">
        <v>0.93</v>
      </c>
    </row>
    <row r="92" spans="2:10" ht="7.5" customHeight="1" x14ac:dyDescent="0.15">
      <c r="B92" s="378"/>
      <c r="C92" s="36"/>
      <c r="D92" s="14"/>
      <c r="E92" s="68"/>
      <c r="F92" s="14"/>
      <c r="G92" s="14"/>
      <c r="H92" s="14"/>
      <c r="I92" s="69"/>
      <c r="J92" s="70"/>
    </row>
    <row r="93" spans="2:10" ht="7.5" customHeight="1" x14ac:dyDescent="0.15">
      <c r="B93" s="387" t="s">
        <v>87</v>
      </c>
      <c r="C93" s="53"/>
      <c r="D93" s="54"/>
      <c r="E93" s="55"/>
      <c r="F93" s="54"/>
      <c r="G93" s="54"/>
      <c r="H93" s="54"/>
      <c r="I93" s="56"/>
      <c r="J93" s="57"/>
    </row>
    <row r="94" spans="2:10" ht="14.25" customHeight="1" x14ac:dyDescent="0.15">
      <c r="B94" s="378"/>
      <c r="C94" s="58"/>
      <c r="D94" s="41" t="s">
        <v>88</v>
      </c>
      <c r="E94" s="42">
        <v>359</v>
      </c>
      <c r="F94" s="43"/>
      <c r="G94" s="43"/>
      <c r="H94" s="44">
        <v>459</v>
      </c>
      <c r="I94" s="45">
        <v>1.28</v>
      </c>
      <c r="J94" s="46">
        <v>1.1299999999999999</v>
      </c>
    </row>
    <row r="95" spans="2:10" ht="14.25" customHeight="1" x14ac:dyDescent="0.15">
      <c r="B95" s="378"/>
      <c r="C95" s="58"/>
      <c r="D95" s="41" t="s">
        <v>89</v>
      </c>
      <c r="E95" s="42">
        <v>198</v>
      </c>
      <c r="F95" s="43"/>
      <c r="G95" s="43"/>
      <c r="H95" s="44">
        <v>216</v>
      </c>
      <c r="I95" s="45">
        <v>1.0900000000000001</v>
      </c>
      <c r="J95" s="46">
        <v>1.07</v>
      </c>
    </row>
    <row r="96" spans="2:10" ht="14.25" customHeight="1" x14ac:dyDescent="0.15">
      <c r="B96" s="378"/>
      <c r="C96" s="58"/>
      <c r="D96" s="41" t="s">
        <v>90</v>
      </c>
      <c r="E96" s="42">
        <v>238</v>
      </c>
      <c r="F96" s="43"/>
      <c r="G96" s="43"/>
      <c r="H96" s="44">
        <v>263</v>
      </c>
      <c r="I96" s="45">
        <v>1.1100000000000001</v>
      </c>
      <c r="J96" s="46">
        <v>1.01</v>
      </c>
    </row>
    <row r="97" spans="2:10" ht="14.25" customHeight="1" x14ac:dyDescent="0.15">
      <c r="B97" s="378"/>
      <c r="C97" s="58"/>
      <c r="D97" s="41" t="s">
        <v>91</v>
      </c>
      <c r="E97" s="42">
        <v>238</v>
      </c>
      <c r="F97" s="43"/>
      <c r="G97" s="43"/>
      <c r="H97" s="44">
        <v>169</v>
      </c>
      <c r="I97" s="45">
        <v>0.71</v>
      </c>
      <c r="J97" s="46">
        <v>1.1100000000000001</v>
      </c>
    </row>
    <row r="98" spans="2:10" ht="14.25" customHeight="1" x14ac:dyDescent="0.15">
      <c r="B98" s="378"/>
      <c r="C98" s="58"/>
      <c r="D98" s="41" t="s">
        <v>92</v>
      </c>
      <c r="E98" s="42">
        <v>398</v>
      </c>
      <c r="F98" s="43"/>
      <c r="G98" s="43"/>
      <c r="H98" s="44">
        <v>499</v>
      </c>
      <c r="I98" s="45">
        <v>1.25</v>
      </c>
      <c r="J98" s="46">
        <v>1.23</v>
      </c>
    </row>
    <row r="99" spans="2:10" ht="14.25" customHeight="1" x14ac:dyDescent="0.15">
      <c r="B99" s="378"/>
      <c r="C99" s="58"/>
      <c r="D99" s="41" t="s">
        <v>93</v>
      </c>
      <c r="E99" s="42">
        <v>318</v>
      </c>
      <c r="F99" s="43"/>
      <c r="G99" s="43"/>
      <c r="H99" s="44">
        <v>309</v>
      </c>
      <c r="I99" s="45">
        <v>0.97</v>
      </c>
      <c r="J99" s="46">
        <v>1.1100000000000001</v>
      </c>
    </row>
    <row r="100" spans="2:10" ht="14.25" customHeight="1" x14ac:dyDescent="0.15">
      <c r="B100" s="378"/>
      <c r="C100" s="58"/>
      <c r="D100" s="41" t="s">
        <v>94</v>
      </c>
      <c r="E100" s="42">
        <v>178</v>
      </c>
      <c r="F100" s="43"/>
      <c r="G100" s="43"/>
      <c r="H100" s="44">
        <v>102</v>
      </c>
      <c r="I100" s="45">
        <v>0.56999999999999995</v>
      </c>
      <c r="J100" s="46">
        <v>0.61</v>
      </c>
    </row>
    <row r="101" spans="2:10" ht="14.25" customHeight="1" x14ac:dyDescent="0.15">
      <c r="B101" s="378"/>
      <c r="C101" s="58"/>
      <c r="D101" s="41" t="s">
        <v>95</v>
      </c>
      <c r="E101" s="42">
        <v>279</v>
      </c>
      <c r="F101" s="43"/>
      <c r="G101" s="43"/>
      <c r="H101" s="44">
        <v>349</v>
      </c>
      <c r="I101" s="45">
        <v>1.25</v>
      </c>
      <c r="J101" s="46">
        <v>1.68</v>
      </c>
    </row>
    <row r="102" spans="2:10" ht="14.25" customHeight="1" x14ac:dyDescent="0.15">
      <c r="B102" s="378"/>
      <c r="C102" s="58"/>
      <c r="D102" s="41" t="s">
        <v>96</v>
      </c>
      <c r="E102" s="42">
        <v>308</v>
      </c>
      <c r="F102" s="43"/>
      <c r="G102" s="43"/>
      <c r="H102" s="44">
        <v>309</v>
      </c>
      <c r="I102" s="45">
        <v>1</v>
      </c>
      <c r="J102" s="46">
        <v>1.07</v>
      </c>
    </row>
    <row r="103" spans="2:10" ht="14.25" customHeight="1" x14ac:dyDescent="0.15">
      <c r="B103" s="378"/>
      <c r="C103" s="58"/>
      <c r="D103" s="41" t="s">
        <v>97</v>
      </c>
      <c r="E103" s="42">
        <v>278</v>
      </c>
      <c r="F103" s="43"/>
      <c r="G103" s="43"/>
      <c r="H103" s="44">
        <v>332</v>
      </c>
      <c r="I103" s="45">
        <v>1.19</v>
      </c>
      <c r="J103" s="46">
        <v>0.95</v>
      </c>
    </row>
    <row r="104" spans="2:10" ht="14.25" customHeight="1" x14ac:dyDescent="0.15">
      <c r="B104" s="378"/>
      <c r="C104" s="58"/>
      <c r="D104" s="41" t="s">
        <v>98</v>
      </c>
      <c r="E104" s="42">
        <v>318</v>
      </c>
      <c r="F104" s="43"/>
      <c r="G104" s="43"/>
      <c r="H104" s="44">
        <v>441</v>
      </c>
      <c r="I104" s="45">
        <v>1.39</v>
      </c>
      <c r="J104" s="46">
        <v>1.46</v>
      </c>
    </row>
    <row r="105" spans="2:10" ht="14.25" customHeight="1" x14ac:dyDescent="0.15">
      <c r="B105" s="378"/>
      <c r="C105" s="58"/>
      <c r="D105" s="41" t="s">
        <v>99</v>
      </c>
      <c r="E105" s="42">
        <v>318</v>
      </c>
      <c r="F105" s="43"/>
      <c r="G105" s="43"/>
      <c r="H105" s="44">
        <v>316</v>
      </c>
      <c r="I105" s="45">
        <v>0.99</v>
      </c>
      <c r="J105" s="46">
        <v>0.87</v>
      </c>
    </row>
    <row r="106" spans="2:10" ht="14.25" customHeight="1" x14ac:dyDescent="0.15">
      <c r="B106" s="378"/>
      <c r="C106" s="58"/>
      <c r="D106" s="41" t="s">
        <v>100</v>
      </c>
      <c r="E106" s="42">
        <v>318</v>
      </c>
      <c r="F106" s="43"/>
      <c r="G106" s="43"/>
      <c r="H106" s="44">
        <v>283</v>
      </c>
      <c r="I106" s="45">
        <v>0.89</v>
      </c>
      <c r="J106" s="46">
        <v>0.9</v>
      </c>
    </row>
    <row r="107" spans="2:10" ht="7.5" customHeight="1" x14ac:dyDescent="0.15">
      <c r="B107" s="388"/>
      <c r="C107" s="29"/>
      <c r="D107" s="30"/>
      <c r="E107" s="62"/>
      <c r="F107" s="30"/>
      <c r="G107" s="30"/>
      <c r="H107" s="30"/>
      <c r="I107" s="33"/>
      <c r="J107" s="63"/>
    </row>
    <row r="108" spans="2:10" ht="7.15" customHeight="1" x14ac:dyDescent="0.15">
      <c r="B108" s="376"/>
      <c r="C108" s="376"/>
      <c r="D108" s="376"/>
      <c r="E108" s="376"/>
      <c r="F108" s="376"/>
      <c r="G108" s="376"/>
      <c r="H108" s="376"/>
      <c r="I108" s="376"/>
      <c r="J108" s="376"/>
    </row>
    <row r="109" spans="2:10" ht="7.15" customHeight="1" x14ac:dyDescent="0.15">
      <c r="B109" s="64"/>
      <c r="C109" s="64"/>
      <c r="D109" s="64"/>
      <c r="E109" s="64"/>
      <c r="F109" s="64"/>
      <c r="G109" s="64"/>
      <c r="H109" s="64"/>
      <c r="I109" s="64"/>
      <c r="J109" s="64"/>
    </row>
    <row r="110" spans="2:10" ht="7.15" customHeight="1" x14ac:dyDescent="0.15">
      <c r="B110" s="377" t="s">
        <v>101</v>
      </c>
      <c r="C110" s="65"/>
      <c r="D110" s="10"/>
      <c r="E110" s="37"/>
      <c r="F110" s="10"/>
      <c r="G110" s="10"/>
      <c r="H110" s="10"/>
      <c r="I110" s="38"/>
      <c r="J110" s="66"/>
    </row>
    <row r="111" spans="2:10" ht="13.9" customHeight="1" x14ac:dyDescent="0.15">
      <c r="B111" s="378"/>
      <c r="C111" s="58"/>
      <c r="D111" s="41" t="s">
        <v>102</v>
      </c>
      <c r="E111" s="42">
        <v>358</v>
      </c>
      <c r="F111" s="43"/>
      <c r="G111" s="43"/>
      <c r="H111" s="44">
        <v>410</v>
      </c>
      <c r="I111" s="45">
        <v>1.1499999999999999</v>
      </c>
      <c r="J111" s="46">
        <v>0.99</v>
      </c>
    </row>
    <row r="112" spans="2:10" ht="13.9" customHeight="1" x14ac:dyDescent="0.15">
      <c r="B112" s="378"/>
      <c r="C112" s="58"/>
      <c r="D112" s="41" t="s">
        <v>103</v>
      </c>
      <c r="E112" s="42">
        <v>278</v>
      </c>
      <c r="F112" s="43"/>
      <c r="G112" s="43"/>
      <c r="H112" s="44">
        <v>308</v>
      </c>
      <c r="I112" s="45">
        <v>1.1100000000000001</v>
      </c>
      <c r="J112" s="46">
        <v>1.08</v>
      </c>
    </row>
    <row r="113" spans="2:10" ht="14.25" customHeight="1" x14ac:dyDescent="0.15">
      <c r="B113" s="378"/>
      <c r="C113" s="58"/>
      <c r="D113" s="41" t="s">
        <v>104</v>
      </c>
      <c r="E113" s="42">
        <v>238</v>
      </c>
      <c r="F113" s="43"/>
      <c r="G113" s="43"/>
      <c r="H113" s="44">
        <v>301</v>
      </c>
      <c r="I113" s="45">
        <v>1.26</v>
      </c>
      <c r="J113" s="46">
        <v>1.49</v>
      </c>
    </row>
    <row r="114" spans="2:10" ht="14.25" customHeight="1" x14ac:dyDescent="0.15">
      <c r="B114" s="378"/>
      <c r="C114" s="58"/>
      <c r="D114" s="41" t="s">
        <v>105</v>
      </c>
      <c r="E114" s="42">
        <v>279</v>
      </c>
      <c r="F114" s="43"/>
      <c r="G114" s="43"/>
      <c r="H114" s="44">
        <v>348</v>
      </c>
      <c r="I114" s="45">
        <v>1.25</v>
      </c>
      <c r="J114" s="46">
        <v>1.19</v>
      </c>
    </row>
    <row r="115" spans="2:10" ht="14.25" customHeight="1" x14ac:dyDescent="0.15">
      <c r="B115" s="378"/>
      <c r="C115" s="58"/>
      <c r="D115" s="41" t="s">
        <v>106</v>
      </c>
      <c r="E115" s="42">
        <v>358</v>
      </c>
      <c r="F115" s="43"/>
      <c r="G115" s="43"/>
      <c r="H115" s="44">
        <v>376</v>
      </c>
      <c r="I115" s="45">
        <v>1.05</v>
      </c>
      <c r="J115" s="46">
        <v>1.01</v>
      </c>
    </row>
    <row r="116" spans="2:10" ht="14.25" customHeight="1" x14ac:dyDescent="0.15">
      <c r="B116" s="378"/>
      <c r="C116" s="58"/>
      <c r="D116" s="41" t="s">
        <v>107</v>
      </c>
      <c r="E116" s="42">
        <v>268</v>
      </c>
      <c r="F116" s="43"/>
      <c r="G116" s="43"/>
      <c r="H116" s="44">
        <v>332</v>
      </c>
      <c r="I116" s="45">
        <v>1.24</v>
      </c>
      <c r="J116" s="46">
        <v>1.1599999999999999</v>
      </c>
    </row>
    <row r="117" spans="2:10" ht="14.25" customHeight="1" x14ac:dyDescent="0.15">
      <c r="B117" s="378"/>
      <c r="C117" s="58"/>
      <c r="D117" s="41" t="s">
        <v>108</v>
      </c>
      <c r="E117" s="42">
        <v>278</v>
      </c>
      <c r="F117" s="43"/>
      <c r="G117" s="43"/>
      <c r="H117" s="44">
        <v>240</v>
      </c>
      <c r="I117" s="45">
        <v>0.86</v>
      </c>
      <c r="J117" s="46">
        <v>0.76</v>
      </c>
    </row>
    <row r="118" spans="2:10" ht="14.25" customHeight="1" x14ac:dyDescent="0.15">
      <c r="B118" s="378"/>
      <c r="C118" s="58"/>
      <c r="D118" s="41" t="s">
        <v>109</v>
      </c>
      <c r="E118" s="42">
        <v>158</v>
      </c>
      <c r="F118" s="43"/>
      <c r="G118" s="43"/>
      <c r="H118" s="44">
        <v>62</v>
      </c>
      <c r="I118" s="45">
        <v>0.39</v>
      </c>
      <c r="J118" s="46">
        <v>0.6</v>
      </c>
    </row>
    <row r="119" spans="2:10" ht="7.5" customHeight="1" x14ac:dyDescent="0.15">
      <c r="B119" s="379"/>
      <c r="C119" s="71"/>
      <c r="D119" s="72"/>
      <c r="E119" s="73"/>
      <c r="F119" s="74"/>
      <c r="G119" s="72"/>
      <c r="H119" s="74"/>
      <c r="I119" s="75"/>
      <c r="J119" s="76"/>
    </row>
    <row r="120" spans="2:10" ht="7.5" customHeight="1" x14ac:dyDescent="0.15">
      <c r="B120" s="77"/>
      <c r="C120" s="78"/>
      <c r="D120" s="79"/>
      <c r="E120" s="80"/>
      <c r="F120" s="81"/>
      <c r="G120" s="79"/>
      <c r="H120" s="81"/>
      <c r="I120" s="82"/>
      <c r="J120" s="83"/>
    </row>
    <row r="121" spans="2:10" ht="14.25" customHeight="1" x14ac:dyDescent="0.15">
      <c r="B121" s="84"/>
      <c r="C121" s="369" t="s">
        <v>110</v>
      </c>
      <c r="D121" s="370"/>
      <c r="E121" s="85">
        <v>26045</v>
      </c>
      <c r="F121" s="86"/>
      <c r="H121" s="86">
        <v>30131</v>
      </c>
      <c r="I121" s="87">
        <v>1.1599999999999999</v>
      </c>
      <c r="J121" s="88">
        <v>1.21</v>
      </c>
    </row>
    <row r="122" spans="2:10" ht="7.5" customHeight="1" x14ac:dyDescent="0.15">
      <c r="B122" s="89"/>
      <c r="C122" s="90"/>
      <c r="D122" s="41"/>
      <c r="E122" s="42"/>
      <c r="F122" s="43"/>
      <c r="G122" s="41"/>
      <c r="H122" s="43"/>
      <c r="I122" s="45"/>
      <c r="J122" s="91"/>
    </row>
    <row r="123" spans="2:10" ht="7.5" customHeight="1" x14ac:dyDescent="0.15">
      <c r="B123" s="8"/>
      <c r="C123" s="9"/>
      <c r="D123" s="10"/>
      <c r="E123" s="11"/>
      <c r="F123" s="10"/>
      <c r="G123" s="10"/>
      <c r="H123" s="10"/>
      <c r="I123" s="10"/>
      <c r="J123" s="12"/>
    </row>
    <row r="124" spans="2:10" ht="14.25" customHeight="1" x14ac:dyDescent="0.15">
      <c r="B124" s="92" t="s">
        <v>3</v>
      </c>
      <c r="C124" s="93"/>
      <c r="E124" s="15"/>
      <c r="F124" s="94" t="s">
        <v>111</v>
      </c>
      <c r="G124" s="95"/>
      <c r="H124" s="95"/>
      <c r="I124" s="18">
        <v>45687</v>
      </c>
      <c r="J124" s="371" t="s">
        <v>4</v>
      </c>
    </row>
    <row r="125" spans="2:10" ht="14.25" customHeight="1" x14ac:dyDescent="0.15">
      <c r="B125" s="92"/>
      <c r="C125" s="19"/>
      <c r="D125" s="20" t="s">
        <v>5</v>
      </c>
      <c r="E125" s="21" t="s">
        <v>6</v>
      </c>
      <c r="F125" s="96" t="s">
        <v>112</v>
      </c>
      <c r="G125" s="96" t="s">
        <v>112</v>
      </c>
      <c r="H125" s="17" t="s">
        <v>113</v>
      </c>
      <c r="I125" s="23" t="s">
        <v>8</v>
      </c>
      <c r="J125" s="372"/>
    </row>
    <row r="126" spans="2:10" ht="14.25" customHeight="1" x14ac:dyDescent="0.15">
      <c r="B126" s="92" t="s">
        <v>114</v>
      </c>
      <c r="C126" s="93"/>
      <c r="D126" s="14"/>
      <c r="E126" s="21" t="s">
        <v>115</v>
      </c>
      <c r="F126" s="97" t="s">
        <v>116</v>
      </c>
      <c r="G126" s="97" t="s">
        <v>117</v>
      </c>
      <c r="H126" s="23" t="s">
        <v>11</v>
      </c>
      <c r="I126" s="23" t="s">
        <v>12</v>
      </c>
      <c r="J126" s="372"/>
    </row>
    <row r="127" spans="2:10" ht="7.5" customHeight="1" x14ac:dyDescent="0.15">
      <c r="B127" s="98"/>
      <c r="C127" s="29"/>
      <c r="D127" s="30"/>
      <c r="E127" s="31"/>
      <c r="F127" s="34"/>
      <c r="G127" s="34"/>
      <c r="H127" s="34"/>
      <c r="I127" s="34"/>
      <c r="J127" s="35"/>
    </row>
    <row r="128" spans="2:10" ht="7.5" customHeight="1" x14ac:dyDescent="0.15">
      <c r="B128" s="380" t="s">
        <v>118</v>
      </c>
      <c r="C128" s="99"/>
      <c r="D128" s="10"/>
      <c r="E128" s="37"/>
      <c r="F128" s="10"/>
      <c r="G128" s="10"/>
      <c r="H128" s="10"/>
      <c r="I128" s="38"/>
      <c r="J128" s="12"/>
    </row>
    <row r="129" spans="2:10" ht="14.25" customHeight="1" x14ac:dyDescent="0.15">
      <c r="B129" s="381"/>
      <c r="C129" s="100"/>
      <c r="D129" s="101" t="s">
        <v>119</v>
      </c>
      <c r="E129" s="42">
        <v>318</v>
      </c>
      <c r="F129" s="43">
        <v>380</v>
      </c>
      <c r="G129" s="43">
        <v>7</v>
      </c>
      <c r="H129" s="44">
        <v>387</v>
      </c>
      <c r="I129" s="45">
        <v>1.22</v>
      </c>
      <c r="J129" s="46">
        <v>1.1100000000000001</v>
      </c>
    </row>
    <row r="130" spans="2:10" ht="14.25" customHeight="1" x14ac:dyDescent="0.15">
      <c r="B130" s="381"/>
      <c r="C130" s="100"/>
      <c r="D130" s="2" t="s">
        <v>120</v>
      </c>
      <c r="E130" s="42">
        <v>318</v>
      </c>
      <c r="F130" s="43">
        <v>337</v>
      </c>
      <c r="G130" s="43">
        <v>79</v>
      </c>
      <c r="H130" s="44">
        <v>416</v>
      </c>
      <c r="I130" s="45">
        <v>1.31</v>
      </c>
      <c r="J130" s="46">
        <v>1.42</v>
      </c>
    </row>
    <row r="131" spans="2:10" ht="14.25" customHeight="1" x14ac:dyDescent="0.15">
      <c r="B131" s="381"/>
      <c r="C131" s="100"/>
      <c r="D131" s="102" t="s">
        <v>121</v>
      </c>
      <c r="E131" s="85">
        <v>636</v>
      </c>
      <c r="F131" s="86">
        <v>717</v>
      </c>
      <c r="G131" s="86">
        <v>86</v>
      </c>
      <c r="H131" s="86">
        <v>803</v>
      </c>
      <c r="I131" s="87">
        <v>1.26</v>
      </c>
      <c r="J131" s="103">
        <v>1.26</v>
      </c>
    </row>
    <row r="132" spans="2:10" ht="7.5" customHeight="1" x14ac:dyDescent="0.15">
      <c r="B132" s="382"/>
      <c r="C132" s="104"/>
      <c r="D132" s="49"/>
      <c r="E132" s="50"/>
      <c r="F132" s="49"/>
      <c r="G132" s="49"/>
      <c r="H132" s="49"/>
      <c r="I132" s="51"/>
      <c r="J132" s="52"/>
    </row>
    <row r="133" spans="2:10" ht="7.5" customHeight="1" x14ac:dyDescent="0.15">
      <c r="B133" s="383" t="s">
        <v>122</v>
      </c>
      <c r="C133" s="100"/>
      <c r="D133" s="14"/>
      <c r="E133" s="68"/>
      <c r="F133" s="14"/>
      <c r="G133" s="14"/>
      <c r="H133" s="14"/>
      <c r="I133" s="69"/>
      <c r="J133" s="70"/>
    </row>
    <row r="134" spans="2:10" x14ac:dyDescent="0.15">
      <c r="B134" s="384"/>
      <c r="C134" s="93"/>
      <c r="D134" s="2" t="s">
        <v>123</v>
      </c>
      <c r="E134" s="42">
        <v>198</v>
      </c>
      <c r="F134" s="43">
        <v>263</v>
      </c>
      <c r="G134" s="43">
        <v>38</v>
      </c>
      <c r="H134" s="44">
        <v>301</v>
      </c>
      <c r="I134" s="45">
        <v>1.52</v>
      </c>
      <c r="J134" s="46">
        <v>1.75</v>
      </c>
    </row>
    <row r="135" spans="2:10" x14ac:dyDescent="0.15">
      <c r="B135" s="384"/>
      <c r="C135" s="93"/>
      <c r="D135" s="2" t="s">
        <v>124</v>
      </c>
      <c r="E135" s="42">
        <v>278</v>
      </c>
      <c r="F135" s="43">
        <v>357</v>
      </c>
      <c r="G135" s="43">
        <v>13</v>
      </c>
      <c r="H135" s="44">
        <v>370</v>
      </c>
      <c r="I135" s="45">
        <v>1.33</v>
      </c>
      <c r="J135" s="46">
        <v>1.23</v>
      </c>
    </row>
    <row r="136" spans="2:10" x14ac:dyDescent="0.15">
      <c r="B136" s="384"/>
      <c r="C136" s="93"/>
      <c r="D136" s="2" t="s">
        <v>125</v>
      </c>
      <c r="E136" s="42">
        <v>118</v>
      </c>
      <c r="F136" s="43">
        <v>191</v>
      </c>
      <c r="G136" s="43">
        <v>2</v>
      </c>
      <c r="H136" s="44">
        <v>193</v>
      </c>
      <c r="I136" s="45">
        <v>1.64</v>
      </c>
      <c r="J136" s="46">
        <v>1.19</v>
      </c>
    </row>
    <row r="137" spans="2:10" ht="14.25" customHeight="1" x14ac:dyDescent="0.15">
      <c r="B137" s="384"/>
      <c r="C137" s="93"/>
      <c r="D137" s="102" t="s">
        <v>121</v>
      </c>
      <c r="E137" s="85">
        <v>594</v>
      </c>
      <c r="F137" s="86">
        <v>811</v>
      </c>
      <c r="G137" s="86">
        <v>53</v>
      </c>
      <c r="H137" s="86">
        <v>864</v>
      </c>
      <c r="I137" s="87">
        <v>1.45</v>
      </c>
      <c r="J137" s="103">
        <v>1.4</v>
      </c>
    </row>
    <row r="138" spans="2:10" ht="7.5" customHeight="1" x14ac:dyDescent="0.15">
      <c r="B138" s="385"/>
      <c r="C138" s="36"/>
      <c r="D138" s="14"/>
      <c r="E138" s="68"/>
      <c r="F138" s="14"/>
      <c r="G138" s="14"/>
      <c r="H138" s="14"/>
      <c r="I138" s="69"/>
      <c r="J138" s="105"/>
    </row>
    <row r="139" spans="2:10" ht="7.5" customHeight="1" x14ac:dyDescent="0.15">
      <c r="B139" s="77"/>
      <c r="C139" s="78"/>
      <c r="D139" s="79"/>
      <c r="E139" s="80"/>
      <c r="F139" s="81"/>
      <c r="G139" s="79"/>
      <c r="H139" s="81"/>
      <c r="I139" s="82"/>
      <c r="J139" s="106"/>
    </row>
    <row r="140" spans="2:10" ht="14.25" customHeight="1" x14ac:dyDescent="0.15">
      <c r="B140" s="84"/>
      <c r="C140" s="369" t="s">
        <v>126</v>
      </c>
      <c r="D140" s="370"/>
      <c r="E140" s="85">
        <v>1230</v>
      </c>
      <c r="F140" s="107" t="s">
        <v>127</v>
      </c>
      <c r="G140" s="107" t="s">
        <v>128</v>
      </c>
      <c r="H140" s="86">
        <v>1667</v>
      </c>
      <c r="I140" s="87">
        <v>1.36</v>
      </c>
      <c r="J140" s="103">
        <v>1.32</v>
      </c>
    </row>
    <row r="141" spans="2:10" ht="7.5" customHeight="1" x14ac:dyDescent="0.15">
      <c r="B141" s="89"/>
      <c r="C141" s="90"/>
      <c r="D141" s="41"/>
      <c r="E141" s="42"/>
      <c r="F141" s="43"/>
      <c r="G141" s="41"/>
      <c r="H141" s="43"/>
      <c r="I141" s="45"/>
      <c r="J141" s="108"/>
    </row>
    <row r="142" spans="2:10" ht="7.5" customHeight="1" x14ac:dyDescent="0.15">
      <c r="B142" s="109"/>
      <c r="C142" s="9"/>
      <c r="D142" s="10"/>
      <c r="E142" s="37"/>
      <c r="F142" s="10"/>
      <c r="G142" s="10"/>
      <c r="H142" s="10"/>
      <c r="I142" s="38"/>
      <c r="J142" s="110"/>
    </row>
    <row r="143" spans="2:10" x14ac:dyDescent="0.15">
      <c r="B143" s="84"/>
      <c r="C143" s="369" t="s">
        <v>129</v>
      </c>
      <c r="D143" s="370"/>
      <c r="E143" s="85">
        <v>27275</v>
      </c>
      <c r="F143" s="107" t="s">
        <v>127</v>
      </c>
      <c r="G143" s="107" t="s">
        <v>128</v>
      </c>
      <c r="H143" s="111">
        <v>31798</v>
      </c>
      <c r="I143" s="87">
        <v>1.17</v>
      </c>
      <c r="J143" s="103">
        <v>1.22</v>
      </c>
    </row>
    <row r="144" spans="2:10" ht="7.5" customHeight="1" x14ac:dyDescent="0.15">
      <c r="B144" s="98"/>
      <c r="C144" s="112"/>
      <c r="D144" s="30"/>
      <c r="E144" s="62"/>
      <c r="F144" s="30"/>
      <c r="G144" s="30"/>
      <c r="H144" s="30"/>
      <c r="I144" s="33"/>
      <c r="J144" s="35"/>
    </row>
    <row r="145" spans="2:10" ht="5.0999999999999996" customHeight="1" x14ac:dyDescent="0.15"/>
    <row r="146" spans="2:10" s="113" customFormat="1" ht="5.0999999999999996" customHeight="1" x14ac:dyDescent="0.15">
      <c r="D146" s="114"/>
      <c r="E146" s="114"/>
      <c r="F146" s="114"/>
      <c r="G146" s="114"/>
      <c r="I146" s="114"/>
    </row>
    <row r="147" spans="2:10" s="113" customFormat="1" ht="16.5" customHeight="1" x14ac:dyDescent="0.15">
      <c r="B147" s="113" t="s">
        <v>130</v>
      </c>
      <c r="D147" s="114"/>
      <c r="E147" s="114"/>
      <c r="F147" s="114"/>
      <c r="G147" s="114"/>
      <c r="I147" s="114"/>
    </row>
    <row r="148" spans="2:10" s="113" customFormat="1" ht="7.5" customHeight="1" x14ac:dyDescent="0.15">
      <c r="B148" s="115"/>
      <c r="C148" s="116"/>
      <c r="D148" s="117"/>
      <c r="E148" s="117"/>
      <c r="F148" s="117"/>
      <c r="G148" s="117"/>
      <c r="H148" s="116"/>
      <c r="I148" s="116"/>
      <c r="J148" s="118"/>
    </row>
    <row r="149" spans="2:10" s="113" customFormat="1" ht="13.5" customHeight="1" x14ac:dyDescent="0.15">
      <c r="B149" s="119"/>
      <c r="D149" s="120"/>
      <c r="E149" s="121"/>
      <c r="F149" s="16">
        <v>45687</v>
      </c>
      <c r="G149" s="17"/>
      <c r="H149" s="17"/>
      <c r="I149" s="18">
        <v>45687</v>
      </c>
      <c r="J149" s="371" t="s">
        <v>4</v>
      </c>
    </row>
    <row r="150" spans="2:10" s="113" customFormat="1" x14ac:dyDescent="0.15">
      <c r="B150" s="119" t="s">
        <v>131</v>
      </c>
      <c r="D150" s="120"/>
      <c r="E150" s="122" t="s">
        <v>132</v>
      </c>
      <c r="F150" s="22" t="s">
        <v>7</v>
      </c>
      <c r="G150" s="22"/>
      <c r="H150" s="22"/>
      <c r="I150" s="23" t="s">
        <v>8</v>
      </c>
      <c r="J150" s="372"/>
    </row>
    <row r="151" spans="2:10" s="113" customFormat="1" x14ac:dyDescent="0.15">
      <c r="B151" s="123"/>
      <c r="C151" s="124"/>
      <c r="D151" s="125"/>
      <c r="E151" s="126" t="s">
        <v>133</v>
      </c>
      <c r="F151" s="25" t="s">
        <v>11</v>
      </c>
      <c r="G151" s="26"/>
      <c r="H151" s="27"/>
      <c r="I151" s="23" t="s">
        <v>12</v>
      </c>
      <c r="J151" s="372"/>
    </row>
    <row r="152" spans="2:10" s="113" customFormat="1" ht="6.75" customHeight="1" x14ac:dyDescent="0.15">
      <c r="B152" s="127"/>
      <c r="C152" s="128"/>
      <c r="D152" s="129"/>
      <c r="E152" s="130"/>
      <c r="F152" s="32"/>
      <c r="G152" s="30"/>
      <c r="H152" s="33"/>
      <c r="I152" s="131"/>
      <c r="J152" s="132"/>
    </row>
    <row r="153" spans="2:10" s="113" customFormat="1" ht="7.5" customHeight="1" x14ac:dyDescent="0.15">
      <c r="B153" s="115"/>
      <c r="C153" s="116"/>
      <c r="D153" s="133"/>
      <c r="E153" s="134"/>
      <c r="F153" s="117"/>
      <c r="G153" s="117"/>
      <c r="H153" s="116"/>
      <c r="I153" s="135"/>
      <c r="J153" s="118"/>
    </row>
    <row r="154" spans="2:10" s="113" customFormat="1" x14ac:dyDescent="0.15">
      <c r="B154" s="119" t="s">
        <v>134</v>
      </c>
      <c r="D154" s="136"/>
      <c r="E154" s="42">
        <v>238</v>
      </c>
      <c r="F154" s="114"/>
      <c r="G154" s="114"/>
      <c r="H154" s="114">
        <v>112</v>
      </c>
      <c r="I154" s="137">
        <v>0.47</v>
      </c>
      <c r="J154" s="46">
        <v>0.82</v>
      </c>
    </row>
    <row r="155" spans="2:10" s="113" customFormat="1" x14ac:dyDescent="0.15">
      <c r="B155" s="119" t="s">
        <v>135</v>
      </c>
      <c r="D155" s="136"/>
      <c r="E155" s="42">
        <v>118</v>
      </c>
      <c r="F155" s="114"/>
      <c r="G155" s="114"/>
      <c r="H155" s="114">
        <v>118</v>
      </c>
      <c r="I155" s="137">
        <v>1</v>
      </c>
      <c r="J155" s="46">
        <v>1.18</v>
      </c>
    </row>
    <row r="156" spans="2:10" s="113" customFormat="1" x14ac:dyDescent="0.15">
      <c r="B156" s="119" t="s">
        <v>136</v>
      </c>
      <c r="C156" s="138"/>
      <c r="D156" s="139"/>
      <c r="E156" s="42">
        <v>78</v>
      </c>
      <c r="F156" s="114"/>
      <c r="G156" s="114"/>
      <c r="H156" s="114">
        <v>75</v>
      </c>
      <c r="I156" s="137">
        <v>0.96</v>
      </c>
      <c r="J156" s="46">
        <v>0.76</v>
      </c>
    </row>
    <row r="157" spans="2:10" s="113" customFormat="1" x14ac:dyDescent="0.15">
      <c r="B157" s="119" t="s">
        <v>137</v>
      </c>
      <c r="D157" s="136"/>
      <c r="E157" s="42">
        <v>238</v>
      </c>
      <c r="F157" s="43"/>
      <c r="G157" s="43"/>
      <c r="H157" s="44">
        <v>225</v>
      </c>
      <c r="I157" s="45">
        <v>0.95</v>
      </c>
      <c r="J157" s="46">
        <v>1.06</v>
      </c>
    </row>
    <row r="158" spans="2:10" s="113" customFormat="1" ht="7.5" customHeight="1" x14ac:dyDescent="0.15">
      <c r="B158" s="119"/>
      <c r="D158" s="136"/>
      <c r="E158" s="140"/>
      <c r="F158" s="114"/>
      <c r="G158" s="114"/>
      <c r="H158" s="114"/>
      <c r="I158" s="137"/>
      <c r="J158" s="141"/>
    </row>
    <row r="159" spans="2:10" s="113" customFormat="1" ht="7.5" customHeight="1" x14ac:dyDescent="0.15">
      <c r="B159" s="142"/>
      <c r="C159" s="143"/>
      <c r="D159" s="144"/>
      <c r="E159" s="145"/>
      <c r="F159" s="146"/>
      <c r="G159" s="146"/>
      <c r="H159" s="146"/>
      <c r="I159" s="147"/>
      <c r="J159" s="148"/>
    </row>
    <row r="160" spans="2:10" s="113" customFormat="1" x14ac:dyDescent="0.15">
      <c r="B160" s="373" t="s">
        <v>138</v>
      </c>
      <c r="C160" s="374"/>
      <c r="D160" s="375"/>
      <c r="E160" s="85">
        <v>672</v>
      </c>
      <c r="F160" s="86"/>
      <c r="G160" s="5"/>
      <c r="H160" s="86">
        <v>530</v>
      </c>
      <c r="I160" s="87">
        <v>0.79</v>
      </c>
      <c r="J160" s="103">
        <v>0.89</v>
      </c>
    </row>
    <row r="161" spans="2:10" s="113" customFormat="1" ht="7.5" customHeight="1" x14ac:dyDescent="0.15">
      <c r="B161" s="149"/>
      <c r="C161" s="150"/>
      <c r="D161" s="129"/>
      <c r="E161" s="151"/>
      <c r="F161" s="152"/>
      <c r="G161" s="152"/>
      <c r="H161" s="153"/>
      <c r="I161" s="154"/>
      <c r="J161" s="155"/>
    </row>
    <row r="162" spans="2:10" s="113" customFormat="1" x14ac:dyDescent="0.15">
      <c r="B162" s="376" t="s">
        <v>139</v>
      </c>
      <c r="C162" s="376"/>
      <c r="D162" s="376"/>
      <c r="E162" s="376"/>
      <c r="F162" s="376"/>
      <c r="G162" s="376"/>
      <c r="H162" s="376"/>
      <c r="I162" s="376"/>
      <c r="J162" s="376"/>
    </row>
  </sheetData>
  <mergeCells count="22">
    <mergeCell ref="B108:J108"/>
    <mergeCell ref="B1:I1"/>
    <mergeCell ref="J6:J8"/>
    <mergeCell ref="B10:B24"/>
    <mergeCell ref="B25:B37"/>
    <mergeCell ref="B38:B44"/>
    <mergeCell ref="B45:B55"/>
    <mergeCell ref="B57:B63"/>
    <mergeCell ref="B64:B76"/>
    <mergeCell ref="B77:B86"/>
    <mergeCell ref="B87:B92"/>
    <mergeCell ref="B93:B107"/>
    <mergeCell ref="C143:D143"/>
    <mergeCell ref="J149:J151"/>
    <mergeCell ref="B160:D160"/>
    <mergeCell ref="B162:J162"/>
    <mergeCell ref="B110:B119"/>
    <mergeCell ref="C121:D121"/>
    <mergeCell ref="J124:J126"/>
    <mergeCell ref="B128:B132"/>
    <mergeCell ref="B133:B138"/>
    <mergeCell ref="C140:D140"/>
  </mergeCells>
  <phoneticPr fontId="3"/>
  <pageMargins left="0.78740157480314965" right="0.78740157480314965" top="0.78740157480314965" bottom="0.59055118110236227" header="0.51181102362204722" footer="0.19685039370078741"/>
  <pageSetup paperSize="9" fitToHeight="0" orientation="portrait" useFirstPageNumber="1" r:id="rId1"/>
  <headerFooter alignWithMargins="0">
    <oddFooter>&amp;C&amp;"ＭＳ ゴシック,標準"&amp;P</oddFooter>
  </headerFooter>
  <rowBreaks count="2" manualBreakCount="2">
    <brk id="56" max="15" man="1"/>
    <brk id="109" max="15"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14B98BF-68CD-4B95-BAF0-816BE40C02D6}">
  <dimension ref="B1:J206"/>
  <sheetViews>
    <sheetView view="pageBreakPreview" zoomScaleNormal="85" zoomScaleSheetLayoutView="100" workbookViewId="0"/>
  </sheetViews>
  <sheetFormatPr defaultColWidth="9" defaultRowHeight="13.5" x14ac:dyDescent="0.15"/>
  <cols>
    <col min="1" max="2" width="1.5" style="113" customWidth="1"/>
    <col min="3" max="3" width="20.625" style="113" customWidth="1"/>
    <col min="4" max="4" width="14.25" style="113" customWidth="1"/>
    <col min="5" max="5" width="11.125" style="114" bestFit="1" customWidth="1"/>
    <col min="6" max="6" width="5.875" style="113" customWidth="1"/>
    <col min="7" max="7" width="5.125" style="113" customWidth="1"/>
    <col min="8" max="8" width="8.5" style="113" customWidth="1"/>
    <col min="9" max="9" width="8.875" style="234" customWidth="1"/>
    <col min="10" max="10" width="7.875" style="235" customWidth="1"/>
    <col min="11" max="16384" width="9" style="113"/>
  </cols>
  <sheetData>
    <row r="1" spans="2:10" ht="14.25" customHeight="1" x14ac:dyDescent="0.15"/>
    <row r="2" spans="2:10" x14ac:dyDescent="0.15">
      <c r="B2" s="113" t="s">
        <v>331</v>
      </c>
    </row>
    <row r="3" spans="2:10" ht="7.5" customHeight="1" x14ac:dyDescent="0.15">
      <c r="B3" s="115"/>
      <c r="C3" s="116"/>
      <c r="D3" s="116"/>
      <c r="E3" s="11"/>
      <c r="F3" s="10"/>
      <c r="G3" s="10"/>
      <c r="H3" s="10"/>
      <c r="I3" s="10"/>
      <c r="J3" s="12"/>
    </row>
    <row r="4" spans="2:10" ht="14.1" customHeight="1" x14ac:dyDescent="0.15">
      <c r="B4" s="119"/>
      <c r="E4" s="121"/>
      <c r="F4" s="16">
        <v>45687</v>
      </c>
      <c r="G4" s="17"/>
      <c r="H4" s="17"/>
      <c r="I4" s="18">
        <v>45687</v>
      </c>
      <c r="J4" s="371" t="s">
        <v>4</v>
      </c>
    </row>
    <row r="5" spans="2:10" ht="14.25" customHeight="1" x14ac:dyDescent="0.15">
      <c r="B5" s="119"/>
      <c r="C5" s="113" t="s">
        <v>5</v>
      </c>
      <c r="D5" s="113" t="s">
        <v>239</v>
      </c>
      <c r="E5" s="122" t="s">
        <v>132</v>
      </c>
      <c r="F5" s="22" t="s">
        <v>7</v>
      </c>
      <c r="G5" s="22"/>
      <c r="H5" s="22"/>
      <c r="I5" s="23" t="s">
        <v>8</v>
      </c>
      <c r="J5" s="372"/>
    </row>
    <row r="6" spans="2:10" ht="14.25" customHeight="1" x14ac:dyDescent="0.15">
      <c r="B6" s="119"/>
      <c r="C6" s="124"/>
      <c r="D6" s="124"/>
      <c r="E6" s="126" t="s">
        <v>133</v>
      </c>
      <c r="F6" s="25" t="s">
        <v>11</v>
      </c>
      <c r="G6" s="26"/>
      <c r="H6" s="27"/>
      <c r="I6" s="23" t="s">
        <v>12</v>
      </c>
      <c r="J6" s="372"/>
    </row>
    <row r="7" spans="2:10" ht="7.5" customHeight="1" x14ac:dyDescent="0.15">
      <c r="B7" s="127"/>
      <c r="C7" s="244"/>
      <c r="D7" s="245"/>
      <c r="E7" s="31"/>
      <c r="F7" s="32"/>
      <c r="G7" s="30"/>
      <c r="H7" s="33"/>
      <c r="I7" s="34"/>
      <c r="J7" s="35"/>
    </row>
    <row r="8" spans="2:10" ht="7.5" customHeight="1" x14ac:dyDescent="0.15">
      <c r="B8" s="119"/>
      <c r="C8" s="124"/>
      <c r="D8" s="124"/>
      <c r="E8" s="37"/>
      <c r="F8" s="14"/>
      <c r="G8" s="14"/>
      <c r="H8" s="14"/>
      <c r="I8" s="69"/>
      <c r="J8" s="343"/>
    </row>
    <row r="9" spans="2:10" ht="14.25" customHeight="1" x14ac:dyDescent="0.15">
      <c r="B9" s="119"/>
      <c r="C9" s="113" t="s">
        <v>332</v>
      </c>
      <c r="D9" s="113" t="s">
        <v>303</v>
      </c>
      <c r="E9" s="140">
        <v>38</v>
      </c>
      <c r="F9" s="288"/>
      <c r="G9" s="288"/>
      <c r="H9" s="114">
        <v>48</v>
      </c>
      <c r="I9" s="137">
        <v>1.26</v>
      </c>
      <c r="J9" s="344">
        <v>1.33</v>
      </c>
    </row>
    <row r="10" spans="2:10" ht="14.25" customHeight="1" x14ac:dyDescent="0.15">
      <c r="B10" s="119"/>
      <c r="C10" s="113" t="s">
        <v>150</v>
      </c>
      <c r="D10" s="113" t="s">
        <v>333</v>
      </c>
      <c r="E10" s="140">
        <v>38</v>
      </c>
      <c r="F10" s="288"/>
      <c r="G10" s="288"/>
      <c r="H10" s="114">
        <v>39</v>
      </c>
      <c r="I10" s="137">
        <v>1.03</v>
      </c>
      <c r="J10" s="344">
        <v>0.85</v>
      </c>
    </row>
    <row r="11" spans="2:10" ht="14.25" customHeight="1" x14ac:dyDescent="0.15">
      <c r="B11" s="119"/>
      <c r="C11" s="113" t="s">
        <v>171</v>
      </c>
      <c r="D11" s="113" t="s">
        <v>334</v>
      </c>
      <c r="E11" s="140">
        <v>38</v>
      </c>
      <c r="F11" s="288"/>
      <c r="G11" s="288"/>
      <c r="H11" s="114">
        <v>45</v>
      </c>
      <c r="I11" s="137">
        <v>1.18</v>
      </c>
      <c r="J11" s="344">
        <v>1.33</v>
      </c>
    </row>
    <row r="12" spans="2:10" ht="14.25" customHeight="1" x14ac:dyDescent="0.15">
      <c r="B12" s="119"/>
      <c r="C12" s="113" t="s">
        <v>171</v>
      </c>
      <c r="D12" s="113" t="s">
        <v>335</v>
      </c>
      <c r="E12" s="140">
        <v>38</v>
      </c>
      <c r="F12" s="288"/>
      <c r="G12" s="288"/>
      <c r="H12" s="114">
        <v>53</v>
      </c>
      <c r="I12" s="137">
        <v>1.39</v>
      </c>
      <c r="J12" s="344">
        <v>1.18</v>
      </c>
    </row>
    <row r="13" spans="2:10" ht="14.25" customHeight="1" x14ac:dyDescent="0.15">
      <c r="B13" s="119"/>
      <c r="D13" s="222" t="s">
        <v>273</v>
      </c>
      <c r="E13" s="274">
        <v>152</v>
      </c>
      <c r="F13" s="292"/>
      <c r="H13" s="292">
        <v>185</v>
      </c>
      <c r="I13" s="260">
        <v>1.22</v>
      </c>
      <c r="J13" s="293">
        <v>1.17</v>
      </c>
    </row>
    <row r="14" spans="2:10" ht="21.75" customHeight="1" x14ac:dyDescent="0.15">
      <c r="B14" s="119"/>
      <c r="C14" s="113" t="s">
        <v>336</v>
      </c>
      <c r="D14" s="113" t="s">
        <v>337</v>
      </c>
      <c r="E14" s="140">
        <v>38</v>
      </c>
      <c r="F14" s="288"/>
      <c r="G14" s="288"/>
      <c r="H14" s="114">
        <v>59</v>
      </c>
      <c r="I14" s="137">
        <v>1.55</v>
      </c>
      <c r="J14" s="344">
        <v>0.54</v>
      </c>
    </row>
    <row r="15" spans="2:10" ht="14.25" customHeight="1" x14ac:dyDescent="0.15">
      <c r="B15" s="119"/>
      <c r="C15" s="113" t="s">
        <v>171</v>
      </c>
      <c r="D15" s="113" t="s">
        <v>338</v>
      </c>
      <c r="E15" s="140">
        <v>38</v>
      </c>
      <c r="F15" s="288"/>
      <c r="G15" s="288"/>
      <c r="H15" s="114">
        <v>42</v>
      </c>
      <c r="I15" s="137">
        <v>1.1100000000000001</v>
      </c>
      <c r="J15" s="344">
        <v>1.46</v>
      </c>
    </row>
    <row r="16" spans="2:10" ht="14.25" customHeight="1" x14ac:dyDescent="0.15">
      <c r="B16" s="119"/>
      <c r="C16" s="113" t="s">
        <v>171</v>
      </c>
      <c r="D16" s="113" t="s">
        <v>306</v>
      </c>
      <c r="E16" s="140">
        <v>38</v>
      </c>
      <c r="F16" s="288"/>
      <c r="G16" s="288"/>
      <c r="H16" s="114">
        <v>47</v>
      </c>
      <c r="I16" s="137">
        <v>1.24</v>
      </c>
      <c r="J16" s="344">
        <v>0.79</v>
      </c>
    </row>
    <row r="17" spans="2:10" ht="14.25" customHeight="1" x14ac:dyDescent="0.15">
      <c r="B17" s="119"/>
      <c r="D17" s="222" t="s">
        <v>273</v>
      </c>
      <c r="E17" s="274">
        <v>114</v>
      </c>
      <c r="F17" s="292"/>
      <c r="H17" s="258">
        <v>148</v>
      </c>
      <c r="I17" s="260">
        <v>1.3</v>
      </c>
      <c r="J17" s="293">
        <v>0.93</v>
      </c>
    </row>
    <row r="18" spans="2:10" ht="21.75" customHeight="1" x14ac:dyDescent="0.15">
      <c r="B18" s="119"/>
      <c r="C18" s="113" t="s">
        <v>339</v>
      </c>
      <c r="D18" s="113" t="s">
        <v>340</v>
      </c>
      <c r="E18" s="140">
        <v>78</v>
      </c>
      <c r="F18" s="288"/>
      <c r="G18" s="288"/>
      <c r="H18" s="114">
        <v>69</v>
      </c>
      <c r="I18" s="137">
        <v>0.88</v>
      </c>
      <c r="J18" s="344">
        <v>0.96</v>
      </c>
    </row>
    <row r="19" spans="2:10" ht="14.25" customHeight="1" x14ac:dyDescent="0.15">
      <c r="B19" s="119"/>
      <c r="C19" s="113" t="s">
        <v>171</v>
      </c>
      <c r="D19" s="113" t="s">
        <v>337</v>
      </c>
      <c r="E19" s="140">
        <v>38</v>
      </c>
      <c r="F19" s="288"/>
      <c r="G19" s="288"/>
      <c r="H19" s="114">
        <v>42</v>
      </c>
      <c r="I19" s="137">
        <v>1.1100000000000001</v>
      </c>
      <c r="J19" s="344">
        <v>1.51</v>
      </c>
    </row>
    <row r="20" spans="2:10" ht="14.25" customHeight="1" x14ac:dyDescent="0.15">
      <c r="B20" s="119"/>
      <c r="C20" s="113" t="s">
        <v>171</v>
      </c>
      <c r="D20" s="113" t="s">
        <v>335</v>
      </c>
      <c r="E20" s="140">
        <v>78</v>
      </c>
      <c r="F20" s="288"/>
      <c r="G20" s="288"/>
      <c r="H20" s="114">
        <v>67</v>
      </c>
      <c r="I20" s="137">
        <v>0.86</v>
      </c>
      <c r="J20" s="344">
        <v>1.1599999999999999</v>
      </c>
    </row>
    <row r="21" spans="2:10" ht="14.25" customHeight="1" x14ac:dyDescent="0.15">
      <c r="B21" s="119"/>
      <c r="D21" s="222" t="s">
        <v>273</v>
      </c>
      <c r="E21" s="274">
        <v>194</v>
      </c>
      <c r="F21" s="292"/>
      <c r="H21" s="258">
        <v>178</v>
      </c>
      <c r="I21" s="260">
        <v>0.92</v>
      </c>
      <c r="J21" s="293">
        <v>1.1499999999999999</v>
      </c>
    </row>
    <row r="22" spans="2:10" ht="7.5" customHeight="1" x14ac:dyDescent="0.15">
      <c r="B22" s="314"/>
      <c r="C22" s="345"/>
      <c r="D22" s="345"/>
      <c r="E22" s="346"/>
      <c r="F22" s="347"/>
      <c r="G22" s="347"/>
      <c r="H22" s="347"/>
      <c r="I22" s="348"/>
      <c r="J22" s="349"/>
    </row>
    <row r="23" spans="2:10" ht="7.5" customHeight="1" x14ac:dyDescent="0.15">
      <c r="B23" s="119"/>
      <c r="E23" s="140"/>
      <c r="F23" s="288"/>
      <c r="G23" s="288"/>
      <c r="H23" s="288"/>
      <c r="I23" s="137"/>
      <c r="J23" s="289"/>
    </row>
    <row r="24" spans="2:10" ht="14.25" customHeight="1" x14ac:dyDescent="0.15">
      <c r="B24" s="119"/>
      <c r="C24" s="374" t="s">
        <v>341</v>
      </c>
      <c r="D24" s="375"/>
      <c r="E24" s="274">
        <v>460</v>
      </c>
      <c r="F24" s="292"/>
      <c r="H24" s="292">
        <v>511</v>
      </c>
      <c r="I24" s="260">
        <v>1.1100000000000001</v>
      </c>
      <c r="J24" s="293">
        <v>1.1000000000000001</v>
      </c>
    </row>
    <row r="25" spans="2:10" ht="7.5" customHeight="1" x14ac:dyDescent="0.15">
      <c r="B25" s="127"/>
      <c r="C25" s="128"/>
      <c r="D25" s="128"/>
      <c r="E25" s="283"/>
      <c r="F25" s="244"/>
      <c r="G25" s="244"/>
      <c r="H25" s="244"/>
      <c r="I25" s="284"/>
      <c r="J25" s="285"/>
    </row>
    <row r="26" spans="2:10" ht="7.15" customHeight="1" x14ac:dyDescent="0.15">
      <c r="B26" s="286"/>
      <c r="E26" s="113"/>
      <c r="F26" s="124"/>
      <c r="G26" s="124"/>
      <c r="H26" s="124"/>
      <c r="I26" s="113"/>
      <c r="J26" s="113"/>
    </row>
    <row r="27" spans="2:10" ht="7.15" customHeight="1" x14ac:dyDescent="0.15">
      <c r="B27" s="286"/>
      <c r="E27" s="113"/>
      <c r="F27" s="124"/>
      <c r="G27" s="124"/>
      <c r="H27" s="124"/>
      <c r="I27" s="113"/>
      <c r="J27" s="113"/>
    </row>
    <row r="28" spans="2:10" ht="18" customHeight="1" x14ac:dyDescent="0.15">
      <c r="B28" s="113" t="s">
        <v>342</v>
      </c>
      <c r="F28" s="124"/>
      <c r="G28" s="124"/>
      <c r="H28" s="124"/>
    </row>
    <row r="29" spans="2:10" ht="7.5" customHeight="1" x14ac:dyDescent="0.15">
      <c r="B29" s="115"/>
      <c r="C29" s="116"/>
      <c r="D29" s="116"/>
      <c r="E29" s="11"/>
      <c r="F29" s="10"/>
      <c r="G29" s="10"/>
      <c r="H29" s="10"/>
      <c r="I29" s="10"/>
      <c r="J29" s="12"/>
    </row>
    <row r="30" spans="2:10" ht="14.25" customHeight="1" x14ac:dyDescent="0.15">
      <c r="B30" s="119"/>
      <c r="E30" s="121"/>
      <c r="F30" s="16">
        <v>45687</v>
      </c>
      <c r="G30" s="17"/>
      <c r="H30" s="17"/>
      <c r="I30" s="18">
        <v>45687</v>
      </c>
      <c r="J30" s="371" t="s">
        <v>4</v>
      </c>
    </row>
    <row r="31" spans="2:10" ht="14.25" customHeight="1" x14ac:dyDescent="0.15">
      <c r="B31" s="119"/>
      <c r="C31" s="113" t="s">
        <v>5</v>
      </c>
      <c r="D31" s="113" t="s">
        <v>239</v>
      </c>
      <c r="E31" s="122" t="s">
        <v>132</v>
      </c>
      <c r="F31" s="22" t="s">
        <v>7</v>
      </c>
      <c r="G31" s="22"/>
      <c r="H31" s="22"/>
      <c r="I31" s="23" t="s">
        <v>8</v>
      </c>
      <c r="J31" s="372"/>
    </row>
    <row r="32" spans="2:10" ht="14.25" customHeight="1" x14ac:dyDescent="0.15">
      <c r="B32" s="119"/>
      <c r="C32" s="124"/>
      <c r="D32" s="124"/>
      <c r="E32" s="126" t="s">
        <v>133</v>
      </c>
      <c r="F32" s="25" t="s">
        <v>11</v>
      </c>
      <c r="G32" s="26"/>
      <c r="H32" s="27"/>
      <c r="I32" s="23" t="s">
        <v>12</v>
      </c>
      <c r="J32" s="372"/>
    </row>
    <row r="33" spans="2:10" ht="7.5" customHeight="1" x14ac:dyDescent="0.15">
      <c r="B33" s="127"/>
      <c r="C33" s="244"/>
      <c r="D33" s="245"/>
      <c r="E33" s="31"/>
      <c r="F33" s="32"/>
      <c r="G33" s="30"/>
      <c r="H33" s="33"/>
      <c r="I33" s="34"/>
      <c r="J33" s="35"/>
    </row>
    <row r="34" spans="2:10" ht="7.5" customHeight="1" x14ac:dyDescent="0.15">
      <c r="B34" s="115"/>
      <c r="C34" s="124"/>
      <c r="D34" s="124"/>
      <c r="E34" s="37"/>
      <c r="F34" s="14"/>
      <c r="G34" s="14"/>
      <c r="H34" s="14"/>
      <c r="I34" s="69"/>
      <c r="J34" s="350"/>
    </row>
    <row r="35" spans="2:10" ht="14.25" customHeight="1" x14ac:dyDescent="0.15">
      <c r="B35" s="119"/>
      <c r="C35" s="113" t="s">
        <v>265</v>
      </c>
      <c r="D35" s="113" t="s">
        <v>343</v>
      </c>
      <c r="E35" s="140">
        <v>78</v>
      </c>
      <c r="F35" s="288"/>
      <c r="G35" s="288"/>
      <c r="H35" s="114">
        <v>106</v>
      </c>
      <c r="I35" s="137">
        <v>1.36</v>
      </c>
      <c r="J35" s="344">
        <v>1.1399999999999999</v>
      </c>
    </row>
    <row r="36" spans="2:10" ht="14.25" customHeight="1" x14ac:dyDescent="0.15">
      <c r="B36" s="119"/>
      <c r="C36" s="113" t="s">
        <v>171</v>
      </c>
      <c r="D36" s="113" t="s">
        <v>344</v>
      </c>
      <c r="E36" s="140">
        <v>78</v>
      </c>
      <c r="F36" s="288"/>
      <c r="G36" s="288"/>
      <c r="H36" s="114">
        <v>73</v>
      </c>
      <c r="I36" s="137">
        <v>0.94</v>
      </c>
      <c r="J36" s="344">
        <v>1.1100000000000001</v>
      </c>
    </row>
    <row r="37" spans="2:10" ht="14.25" customHeight="1" x14ac:dyDescent="0.15">
      <c r="B37" s="119"/>
      <c r="C37" s="113" t="s">
        <v>171</v>
      </c>
      <c r="D37" s="113" t="s">
        <v>345</v>
      </c>
      <c r="E37" s="140">
        <v>118</v>
      </c>
      <c r="F37" s="288"/>
      <c r="G37" s="288"/>
      <c r="H37" s="114">
        <v>119</v>
      </c>
      <c r="I37" s="137">
        <v>1.01</v>
      </c>
      <c r="J37" s="344">
        <v>1.23</v>
      </c>
    </row>
    <row r="38" spans="2:10" ht="14.25" customHeight="1" x14ac:dyDescent="0.15">
      <c r="B38" s="119"/>
      <c r="C38" s="113" t="s">
        <v>171</v>
      </c>
      <c r="D38" s="113" t="s">
        <v>346</v>
      </c>
      <c r="E38" s="140">
        <v>38</v>
      </c>
      <c r="F38" s="288"/>
      <c r="G38" s="288"/>
      <c r="H38" s="114">
        <v>54</v>
      </c>
      <c r="I38" s="137">
        <v>1.42</v>
      </c>
      <c r="J38" s="344">
        <v>1.9</v>
      </c>
    </row>
    <row r="39" spans="2:10" ht="14.25" customHeight="1" x14ac:dyDescent="0.15">
      <c r="B39" s="119"/>
      <c r="D39" s="222" t="s">
        <v>273</v>
      </c>
      <c r="E39" s="274">
        <v>312</v>
      </c>
      <c r="F39" s="292"/>
      <c r="H39" s="258">
        <v>352</v>
      </c>
      <c r="I39" s="260">
        <v>1.1299999999999999</v>
      </c>
      <c r="J39" s="293">
        <v>1.26</v>
      </c>
    </row>
    <row r="40" spans="2:10" ht="21.75" customHeight="1" x14ac:dyDescent="0.15">
      <c r="B40" s="119"/>
      <c r="C40" s="113" t="s">
        <v>347</v>
      </c>
      <c r="D40" s="113" t="s">
        <v>348</v>
      </c>
      <c r="E40" s="140">
        <v>118</v>
      </c>
      <c r="F40" s="288"/>
      <c r="G40" s="288"/>
      <c r="H40" s="114">
        <v>100</v>
      </c>
      <c r="I40" s="137">
        <v>0.85</v>
      </c>
      <c r="J40" s="344">
        <v>1.2</v>
      </c>
    </row>
    <row r="41" spans="2:10" ht="21.75" customHeight="1" x14ac:dyDescent="0.15">
      <c r="B41" s="119"/>
      <c r="C41" s="113" t="s">
        <v>349</v>
      </c>
      <c r="D41" s="113" t="s">
        <v>343</v>
      </c>
      <c r="E41" s="140">
        <v>76</v>
      </c>
      <c r="F41" s="288"/>
      <c r="G41" s="288"/>
      <c r="H41" s="114">
        <v>78</v>
      </c>
      <c r="I41" s="137">
        <v>1.03</v>
      </c>
      <c r="J41" s="344">
        <v>0.81</v>
      </c>
    </row>
    <row r="42" spans="2:10" ht="14.25" customHeight="1" x14ac:dyDescent="0.15">
      <c r="B42" s="119"/>
      <c r="C42" s="113" t="s">
        <v>171</v>
      </c>
      <c r="D42" s="113" t="s">
        <v>345</v>
      </c>
      <c r="E42" s="140">
        <v>76</v>
      </c>
      <c r="F42" s="288"/>
      <c r="G42" s="288"/>
      <c r="H42" s="114">
        <v>75</v>
      </c>
      <c r="I42" s="137">
        <v>0.99</v>
      </c>
      <c r="J42" s="344">
        <v>0.91</v>
      </c>
    </row>
    <row r="43" spans="2:10" ht="14.25" customHeight="1" x14ac:dyDescent="0.15">
      <c r="B43" s="119"/>
      <c r="C43" s="113" t="s">
        <v>171</v>
      </c>
      <c r="D43" s="113" t="s">
        <v>344</v>
      </c>
      <c r="E43" s="140">
        <v>36</v>
      </c>
      <c r="F43" s="288"/>
      <c r="G43" s="288"/>
      <c r="H43" s="114">
        <v>39</v>
      </c>
      <c r="I43" s="137">
        <v>1.08</v>
      </c>
      <c r="J43" s="344">
        <v>0.87</v>
      </c>
    </row>
    <row r="44" spans="2:10" ht="14.25" customHeight="1" x14ac:dyDescent="0.15">
      <c r="B44" s="119"/>
      <c r="C44" s="113" t="s">
        <v>171</v>
      </c>
      <c r="D44" s="113" t="s">
        <v>350</v>
      </c>
      <c r="E44" s="140">
        <v>36</v>
      </c>
      <c r="F44" s="288"/>
      <c r="G44" s="288"/>
      <c r="H44" s="114">
        <v>20</v>
      </c>
      <c r="I44" s="137">
        <v>0.56000000000000005</v>
      </c>
      <c r="J44" s="344">
        <v>0.26</v>
      </c>
    </row>
    <row r="45" spans="2:10" ht="14.25" customHeight="1" x14ac:dyDescent="0.15">
      <c r="B45" s="119"/>
      <c r="D45" s="222" t="s">
        <v>273</v>
      </c>
      <c r="E45" s="274">
        <v>224</v>
      </c>
      <c r="F45" s="292"/>
      <c r="H45" s="258">
        <v>212</v>
      </c>
      <c r="I45" s="260">
        <v>0.95</v>
      </c>
      <c r="J45" s="293">
        <v>0.76</v>
      </c>
    </row>
    <row r="46" spans="2:10" ht="18" customHeight="1" x14ac:dyDescent="0.15">
      <c r="B46" s="119"/>
      <c r="C46" s="113" t="s">
        <v>351</v>
      </c>
      <c r="D46" s="113" t="s">
        <v>348</v>
      </c>
      <c r="E46" s="140">
        <v>238</v>
      </c>
      <c r="F46" s="288"/>
      <c r="G46" s="288"/>
      <c r="H46" s="114">
        <v>255</v>
      </c>
      <c r="I46" s="137">
        <v>1.07</v>
      </c>
      <c r="J46" s="344">
        <v>0.66</v>
      </c>
    </row>
    <row r="47" spans="2:10" ht="21.75" customHeight="1" x14ac:dyDescent="0.15">
      <c r="B47" s="119"/>
      <c r="C47" s="113" t="s">
        <v>352</v>
      </c>
      <c r="D47" s="113" t="s">
        <v>343</v>
      </c>
      <c r="E47" s="140">
        <v>78</v>
      </c>
      <c r="F47" s="288"/>
      <c r="G47" s="288"/>
      <c r="H47" s="114">
        <v>59</v>
      </c>
      <c r="I47" s="137">
        <v>0.76</v>
      </c>
      <c r="J47" s="344">
        <v>0.83</v>
      </c>
    </row>
    <row r="48" spans="2:10" ht="14.25" customHeight="1" x14ac:dyDescent="0.15">
      <c r="B48" s="119"/>
      <c r="C48" s="113" t="s">
        <v>171</v>
      </c>
      <c r="D48" s="113" t="s">
        <v>344</v>
      </c>
      <c r="E48" s="140">
        <v>78</v>
      </c>
      <c r="F48" s="288"/>
      <c r="G48" s="288"/>
      <c r="H48" s="114">
        <v>56</v>
      </c>
      <c r="I48" s="137">
        <v>0.72</v>
      </c>
      <c r="J48" s="344">
        <v>0.82</v>
      </c>
    </row>
    <row r="49" spans="2:10" ht="14.25" customHeight="1" x14ac:dyDescent="0.15">
      <c r="B49" s="119"/>
      <c r="C49" s="113" t="s">
        <v>171</v>
      </c>
      <c r="D49" s="113" t="s">
        <v>353</v>
      </c>
      <c r="E49" s="140">
        <v>78</v>
      </c>
      <c r="F49" s="288"/>
      <c r="G49" s="288"/>
      <c r="H49" s="114">
        <v>64</v>
      </c>
      <c r="I49" s="137">
        <v>0.82</v>
      </c>
      <c r="J49" s="344">
        <v>0.81</v>
      </c>
    </row>
    <row r="50" spans="2:10" ht="14.25" customHeight="1" x14ac:dyDescent="0.15">
      <c r="B50" s="119"/>
      <c r="D50" s="222" t="s">
        <v>273</v>
      </c>
      <c r="E50" s="274">
        <v>234</v>
      </c>
      <c r="F50" s="292"/>
      <c r="H50" s="258">
        <v>179</v>
      </c>
      <c r="I50" s="260">
        <v>0.76</v>
      </c>
      <c r="J50" s="293">
        <v>0.82</v>
      </c>
    </row>
    <row r="51" spans="2:10" ht="7.5" customHeight="1" x14ac:dyDescent="0.15">
      <c r="B51" s="127"/>
      <c r="C51" s="128"/>
      <c r="D51" s="128"/>
      <c r="E51" s="151"/>
      <c r="F51" s="301"/>
      <c r="G51" s="301"/>
      <c r="H51" s="301"/>
      <c r="I51" s="154"/>
      <c r="J51" s="351"/>
    </row>
    <row r="52" spans="2:10" ht="7.5" customHeight="1" x14ac:dyDescent="0.15">
      <c r="F52" s="251"/>
      <c r="G52" s="251"/>
      <c r="H52" s="251"/>
      <c r="J52" s="288"/>
    </row>
    <row r="53" spans="2:10" ht="7.5" customHeight="1" x14ac:dyDescent="0.15"/>
    <row r="54" spans="2:10" ht="7.5" customHeight="1" x14ac:dyDescent="0.15">
      <c r="B54" s="115"/>
      <c r="C54" s="116"/>
      <c r="D54" s="116"/>
      <c r="E54" s="11"/>
      <c r="F54" s="10"/>
      <c r="G54" s="10"/>
      <c r="H54" s="10"/>
      <c r="I54" s="10"/>
      <c r="J54" s="12"/>
    </row>
    <row r="55" spans="2:10" ht="14.25" customHeight="1" x14ac:dyDescent="0.15">
      <c r="B55" s="119"/>
      <c r="E55" s="121"/>
      <c r="F55" s="16">
        <v>45687</v>
      </c>
      <c r="G55" s="17"/>
      <c r="H55" s="17"/>
      <c r="I55" s="18">
        <v>45687</v>
      </c>
      <c r="J55" s="371" t="s">
        <v>4</v>
      </c>
    </row>
    <row r="56" spans="2:10" ht="14.25" customHeight="1" x14ac:dyDescent="0.15">
      <c r="B56" s="119"/>
      <c r="C56" s="113" t="s">
        <v>5</v>
      </c>
      <c r="D56" s="113" t="s">
        <v>239</v>
      </c>
      <c r="E56" s="122" t="s">
        <v>132</v>
      </c>
      <c r="F56" s="22" t="s">
        <v>7</v>
      </c>
      <c r="G56" s="22"/>
      <c r="H56" s="22"/>
      <c r="I56" s="23" t="s">
        <v>8</v>
      </c>
      <c r="J56" s="372"/>
    </row>
    <row r="57" spans="2:10" ht="14.25" customHeight="1" x14ac:dyDescent="0.15">
      <c r="B57" s="119"/>
      <c r="C57" s="124"/>
      <c r="D57" s="124"/>
      <c r="E57" s="126" t="s">
        <v>133</v>
      </c>
      <c r="F57" s="25" t="s">
        <v>11</v>
      </c>
      <c r="G57" s="26"/>
      <c r="H57" s="27"/>
      <c r="I57" s="23" t="s">
        <v>12</v>
      </c>
      <c r="J57" s="372"/>
    </row>
    <row r="58" spans="2:10" ht="7.5" customHeight="1" x14ac:dyDescent="0.15">
      <c r="B58" s="127"/>
      <c r="C58" s="244"/>
      <c r="D58" s="244"/>
      <c r="E58" s="31"/>
      <c r="F58" s="32"/>
      <c r="G58" s="30"/>
      <c r="H58" s="33"/>
      <c r="I58" s="34"/>
      <c r="J58" s="35"/>
    </row>
    <row r="59" spans="2:10" ht="7.5" customHeight="1" x14ac:dyDescent="0.15">
      <c r="B59" s="115"/>
      <c r="C59" s="236"/>
      <c r="D59" s="236"/>
      <c r="E59" s="37"/>
      <c r="F59" s="10"/>
      <c r="G59" s="10"/>
      <c r="H59" s="10"/>
      <c r="I59" s="38"/>
      <c r="J59" s="350"/>
    </row>
    <row r="60" spans="2:10" ht="21.75" customHeight="1" x14ac:dyDescent="0.15">
      <c r="B60" s="119"/>
      <c r="C60" s="113" t="s">
        <v>354</v>
      </c>
      <c r="D60" s="113" t="s">
        <v>343</v>
      </c>
      <c r="E60" s="140">
        <v>78</v>
      </c>
      <c r="F60" s="288"/>
      <c r="G60" s="288"/>
      <c r="H60" s="114">
        <v>46</v>
      </c>
      <c r="I60" s="137">
        <v>0.59</v>
      </c>
      <c r="J60" s="344">
        <v>0.59</v>
      </c>
    </row>
    <row r="61" spans="2:10" ht="14.25" customHeight="1" x14ac:dyDescent="0.15">
      <c r="B61" s="119"/>
      <c r="C61" s="113" t="s">
        <v>171</v>
      </c>
      <c r="D61" s="113" t="s">
        <v>345</v>
      </c>
      <c r="E61" s="140">
        <v>78</v>
      </c>
      <c r="F61" s="251"/>
      <c r="G61" s="251"/>
      <c r="H61" s="114">
        <v>64</v>
      </c>
      <c r="I61" s="137">
        <v>0.82</v>
      </c>
      <c r="J61" s="344">
        <v>0.63</v>
      </c>
    </row>
    <row r="62" spans="2:10" ht="14.25" customHeight="1" x14ac:dyDescent="0.15">
      <c r="B62" s="119"/>
      <c r="C62" s="113" t="s">
        <v>171</v>
      </c>
      <c r="D62" s="113" t="s">
        <v>355</v>
      </c>
      <c r="E62" s="140">
        <v>38</v>
      </c>
      <c r="F62" s="251"/>
      <c r="G62" s="251"/>
      <c r="H62" s="114">
        <v>34</v>
      </c>
      <c r="I62" s="137">
        <v>0.89</v>
      </c>
      <c r="J62" s="344">
        <v>1.05</v>
      </c>
    </row>
    <row r="63" spans="2:10" ht="14.25" customHeight="1" x14ac:dyDescent="0.15">
      <c r="B63" s="119"/>
      <c r="C63" s="113" t="s">
        <v>171</v>
      </c>
      <c r="D63" s="113" t="s">
        <v>350</v>
      </c>
      <c r="E63" s="140">
        <v>38</v>
      </c>
      <c r="F63" s="251"/>
      <c r="G63" s="251"/>
      <c r="H63" s="114">
        <v>30</v>
      </c>
      <c r="I63" s="137">
        <v>0.79</v>
      </c>
      <c r="J63" s="344">
        <v>0.79</v>
      </c>
    </row>
    <row r="64" spans="2:10" ht="14.25" customHeight="1" x14ac:dyDescent="0.15">
      <c r="B64" s="119"/>
      <c r="D64" s="222" t="s">
        <v>273</v>
      </c>
      <c r="E64" s="274">
        <v>232</v>
      </c>
      <c r="F64" s="275"/>
      <c r="H64" s="258">
        <v>174</v>
      </c>
      <c r="I64" s="260">
        <v>0.75</v>
      </c>
      <c r="J64" s="293">
        <v>0.72</v>
      </c>
    </row>
    <row r="65" spans="2:10" ht="21.75" customHeight="1" x14ac:dyDescent="0.15">
      <c r="B65" s="119"/>
      <c r="C65" s="113" t="s">
        <v>356</v>
      </c>
      <c r="D65" s="113" t="s">
        <v>348</v>
      </c>
      <c r="E65" s="140">
        <v>238</v>
      </c>
      <c r="F65" s="251"/>
      <c r="G65" s="251"/>
      <c r="H65" s="114">
        <v>125</v>
      </c>
      <c r="I65" s="137">
        <v>0.53</v>
      </c>
      <c r="J65" s="344">
        <v>0.82</v>
      </c>
    </row>
    <row r="66" spans="2:10" ht="21.75" customHeight="1" x14ac:dyDescent="0.15">
      <c r="B66" s="119"/>
      <c r="C66" s="113" t="s">
        <v>357</v>
      </c>
      <c r="D66" s="113" t="s">
        <v>348</v>
      </c>
      <c r="E66" s="140">
        <v>238</v>
      </c>
      <c r="F66" s="251"/>
      <c r="G66" s="251"/>
      <c r="H66" s="114">
        <v>164</v>
      </c>
      <c r="I66" s="137">
        <v>0.69</v>
      </c>
      <c r="J66" s="344">
        <v>0.84</v>
      </c>
    </row>
    <row r="67" spans="2:10" ht="21.75" customHeight="1" x14ac:dyDescent="0.15">
      <c r="B67" s="119"/>
      <c r="C67" s="113" t="s">
        <v>358</v>
      </c>
      <c r="D67" s="113" t="s">
        <v>343</v>
      </c>
      <c r="E67" s="140">
        <v>38</v>
      </c>
      <c r="F67" s="251"/>
      <c r="G67" s="251"/>
      <c r="H67" s="114">
        <v>25</v>
      </c>
      <c r="I67" s="137">
        <v>0.66</v>
      </c>
      <c r="J67" s="344">
        <v>0.92</v>
      </c>
    </row>
    <row r="68" spans="2:10" ht="14.25" customHeight="1" x14ac:dyDescent="0.15">
      <c r="B68" s="119"/>
      <c r="C68" s="113" t="s">
        <v>171</v>
      </c>
      <c r="D68" s="113" t="s">
        <v>353</v>
      </c>
      <c r="E68" s="140">
        <v>38</v>
      </c>
      <c r="F68" s="251"/>
      <c r="G68" s="251"/>
      <c r="H68" s="114">
        <v>33</v>
      </c>
      <c r="I68" s="137">
        <v>0.87</v>
      </c>
      <c r="J68" s="344">
        <v>0.68</v>
      </c>
    </row>
    <row r="69" spans="2:10" ht="14.25" customHeight="1" x14ac:dyDescent="0.15">
      <c r="B69" s="119"/>
      <c r="C69" s="113" t="s">
        <v>171</v>
      </c>
      <c r="D69" s="113" t="s">
        <v>355</v>
      </c>
      <c r="E69" s="140">
        <v>38</v>
      </c>
      <c r="F69" s="251"/>
      <c r="G69" s="251"/>
      <c r="H69" s="114">
        <v>26</v>
      </c>
      <c r="I69" s="137">
        <v>0.68</v>
      </c>
      <c r="J69" s="344">
        <v>0.34</v>
      </c>
    </row>
    <row r="70" spans="2:10" ht="14.25" customHeight="1" x14ac:dyDescent="0.15">
      <c r="B70" s="119"/>
      <c r="C70" s="113" t="s">
        <v>171</v>
      </c>
      <c r="D70" s="113" t="s">
        <v>346</v>
      </c>
      <c r="E70" s="140">
        <v>38</v>
      </c>
      <c r="F70" s="251"/>
      <c r="G70" s="251"/>
      <c r="H70" s="114">
        <v>37</v>
      </c>
      <c r="I70" s="137">
        <v>0.97</v>
      </c>
      <c r="J70" s="344">
        <v>0.87</v>
      </c>
    </row>
    <row r="71" spans="2:10" ht="14.25" customHeight="1" x14ac:dyDescent="0.15">
      <c r="B71" s="119"/>
      <c r="D71" s="222" t="s">
        <v>273</v>
      </c>
      <c r="E71" s="274">
        <v>152</v>
      </c>
      <c r="F71" s="275"/>
      <c r="H71" s="258">
        <v>121</v>
      </c>
      <c r="I71" s="260">
        <v>0.8</v>
      </c>
      <c r="J71" s="293">
        <v>0.7</v>
      </c>
    </row>
    <row r="72" spans="2:10" ht="21.75" customHeight="1" x14ac:dyDescent="0.15">
      <c r="B72" s="119"/>
      <c r="C72" s="113" t="s">
        <v>359</v>
      </c>
      <c r="D72" s="113" t="s">
        <v>360</v>
      </c>
      <c r="E72" s="140">
        <v>39</v>
      </c>
      <c r="F72" s="251"/>
      <c r="G72" s="251"/>
      <c r="H72" s="114">
        <v>41</v>
      </c>
      <c r="I72" s="137">
        <v>1.05</v>
      </c>
      <c r="J72" s="344">
        <v>1.56</v>
      </c>
    </row>
    <row r="73" spans="2:10" ht="14.25" customHeight="1" x14ac:dyDescent="0.15">
      <c r="B73" s="119"/>
      <c r="C73" s="113" t="s">
        <v>171</v>
      </c>
      <c r="D73" s="113" t="s">
        <v>361</v>
      </c>
      <c r="E73" s="140">
        <v>39</v>
      </c>
      <c r="F73" s="251"/>
      <c r="G73" s="251"/>
      <c r="H73" s="114">
        <v>35</v>
      </c>
      <c r="I73" s="137">
        <v>0.9</v>
      </c>
      <c r="J73" s="344">
        <v>1.1499999999999999</v>
      </c>
    </row>
    <row r="74" spans="2:10" ht="14.25" customHeight="1" x14ac:dyDescent="0.15">
      <c r="B74" s="119"/>
      <c r="C74" s="113" t="s">
        <v>171</v>
      </c>
      <c r="D74" s="113" t="s">
        <v>362</v>
      </c>
      <c r="E74" s="140">
        <v>39</v>
      </c>
      <c r="F74" s="251"/>
      <c r="G74" s="251"/>
      <c r="H74" s="114">
        <v>36</v>
      </c>
      <c r="I74" s="137">
        <v>0.92</v>
      </c>
      <c r="J74" s="344">
        <v>1.18</v>
      </c>
    </row>
    <row r="75" spans="2:10" ht="14.25" customHeight="1" x14ac:dyDescent="0.15">
      <c r="B75" s="119"/>
      <c r="C75" s="113" t="s">
        <v>171</v>
      </c>
      <c r="D75" s="113" t="s">
        <v>363</v>
      </c>
      <c r="E75" s="140">
        <v>39</v>
      </c>
      <c r="F75" s="251"/>
      <c r="G75" s="251"/>
      <c r="H75" s="114">
        <v>43</v>
      </c>
      <c r="I75" s="137">
        <v>1.1000000000000001</v>
      </c>
      <c r="J75" s="344">
        <v>1.31</v>
      </c>
    </row>
    <row r="76" spans="2:10" ht="14.25" customHeight="1" x14ac:dyDescent="0.15">
      <c r="B76" s="119"/>
      <c r="C76" s="113" t="s">
        <v>171</v>
      </c>
      <c r="D76" s="113" t="s">
        <v>346</v>
      </c>
      <c r="E76" s="140">
        <v>39</v>
      </c>
      <c r="F76" s="251"/>
      <c r="G76" s="251"/>
      <c r="H76" s="114">
        <v>37</v>
      </c>
      <c r="I76" s="137">
        <v>0.95</v>
      </c>
      <c r="J76" s="344">
        <v>1.46</v>
      </c>
    </row>
    <row r="77" spans="2:10" ht="14.25" customHeight="1" x14ac:dyDescent="0.15">
      <c r="B77" s="119"/>
      <c r="D77" s="222" t="s">
        <v>273</v>
      </c>
      <c r="E77" s="274">
        <v>195</v>
      </c>
      <c r="F77" s="275"/>
      <c r="H77" s="258">
        <v>192</v>
      </c>
      <c r="I77" s="260">
        <v>0.98</v>
      </c>
      <c r="J77" s="293">
        <v>1.33</v>
      </c>
    </row>
    <row r="78" spans="2:10" ht="7.5" customHeight="1" x14ac:dyDescent="0.15">
      <c r="B78" s="119"/>
      <c r="E78" s="140"/>
      <c r="F78" s="251"/>
      <c r="G78" s="251"/>
      <c r="H78" s="251"/>
      <c r="I78" s="137"/>
      <c r="J78" s="309"/>
    </row>
    <row r="79" spans="2:10" ht="7.5" customHeight="1" x14ac:dyDescent="0.15">
      <c r="B79" s="142"/>
      <c r="C79" s="143"/>
      <c r="D79" s="143"/>
      <c r="E79" s="145"/>
      <c r="F79" s="298"/>
      <c r="G79" s="298"/>
      <c r="H79" s="298"/>
      <c r="I79" s="147"/>
      <c r="J79" s="352"/>
    </row>
    <row r="80" spans="2:10" ht="14.25" customHeight="1" x14ac:dyDescent="0.15">
      <c r="B80" s="119"/>
      <c r="C80" s="374" t="s">
        <v>138</v>
      </c>
      <c r="D80" s="375"/>
      <c r="E80" s="274">
        <v>2181</v>
      </c>
      <c r="F80" s="275"/>
      <c r="H80" s="258">
        <v>1874</v>
      </c>
      <c r="I80" s="260">
        <v>0.86</v>
      </c>
      <c r="J80" s="293">
        <v>0.91</v>
      </c>
    </row>
    <row r="81" spans="2:10" ht="7.5" customHeight="1" x14ac:dyDescent="0.15">
      <c r="B81" s="127"/>
      <c r="C81" s="128"/>
      <c r="D81" s="128"/>
      <c r="E81" s="151"/>
      <c r="F81" s="128"/>
      <c r="G81" s="128"/>
      <c r="H81" s="128"/>
      <c r="I81" s="154"/>
      <c r="J81" s="302"/>
    </row>
    <row r="82" spans="2:10" ht="21.75" customHeight="1" x14ac:dyDescent="0.15">
      <c r="B82" s="391" t="s">
        <v>364</v>
      </c>
      <c r="C82" s="391"/>
      <c r="D82" s="391"/>
      <c r="E82" s="391"/>
      <c r="F82" s="391"/>
      <c r="G82" s="391"/>
      <c r="H82" s="391"/>
      <c r="I82" s="391"/>
      <c r="J82" s="391"/>
    </row>
    <row r="83" spans="2:10" ht="7.5" customHeight="1" x14ac:dyDescent="0.15"/>
    <row r="84" spans="2:10" ht="14.25" customHeight="1" x14ac:dyDescent="0.15">
      <c r="B84" s="113" t="s">
        <v>365</v>
      </c>
    </row>
    <row r="85" spans="2:10" ht="7.5" customHeight="1" x14ac:dyDescent="0.15">
      <c r="B85" s="115"/>
      <c r="C85" s="116"/>
      <c r="D85" s="116"/>
      <c r="E85" s="11"/>
      <c r="F85" s="10"/>
      <c r="G85" s="10"/>
      <c r="H85" s="10"/>
      <c r="I85" s="10"/>
      <c r="J85" s="12"/>
    </row>
    <row r="86" spans="2:10" ht="14.25" customHeight="1" x14ac:dyDescent="0.15">
      <c r="B86" s="119"/>
      <c r="E86" s="121"/>
      <c r="F86" s="16">
        <v>45687</v>
      </c>
      <c r="G86" s="17"/>
      <c r="H86" s="17"/>
      <c r="I86" s="18">
        <v>45687</v>
      </c>
      <c r="J86" s="371" t="s">
        <v>4</v>
      </c>
    </row>
    <row r="87" spans="2:10" ht="14.25" customHeight="1" x14ac:dyDescent="0.15">
      <c r="B87" s="119"/>
      <c r="C87" s="113" t="s">
        <v>5</v>
      </c>
      <c r="D87" s="113" t="s">
        <v>239</v>
      </c>
      <c r="E87" s="122" t="s">
        <v>132</v>
      </c>
      <c r="F87" s="22" t="s">
        <v>7</v>
      </c>
      <c r="G87" s="22"/>
      <c r="H87" s="22"/>
      <c r="I87" s="23" t="s">
        <v>8</v>
      </c>
      <c r="J87" s="372"/>
    </row>
    <row r="88" spans="2:10" ht="14.25" customHeight="1" x14ac:dyDescent="0.15">
      <c r="B88" s="119"/>
      <c r="C88" s="124"/>
      <c r="D88" s="124"/>
      <c r="E88" s="126" t="s">
        <v>133</v>
      </c>
      <c r="F88" s="25" t="s">
        <v>11</v>
      </c>
      <c r="G88" s="26"/>
      <c r="H88" s="27"/>
      <c r="I88" s="23" t="s">
        <v>12</v>
      </c>
      <c r="J88" s="372"/>
    </row>
    <row r="89" spans="2:10" ht="7.5" customHeight="1" x14ac:dyDescent="0.15">
      <c r="B89" s="119"/>
      <c r="C89" s="244"/>
      <c r="D89" s="244"/>
      <c r="E89" s="31"/>
      <c r="F89" s="32"/>
      <c r="G89" s="30"/>
      <c r="H89" s="33"/>
      <c r="I89" s="34"/>
      <c r="J89" s="35"/>
    </row>
    <row r="90" spans="2:10" ht="7.5" customHeight="1" x14ac:dyDescent="0.15">
      <c r="B90" s="115"/>
      <c r="C90" s="124"/>
      <c r="D90" s="124"/>
      <c r="E90" s="37"/>
      <c r="F90" s="14"/>
      <c r="G90" s="14"/>
      <c r="H90" s="14"/>
      <c r="I90" s="69"/>
      <c r="J90" s="350"/>
    </row>
    <row r="91" spans="2:10" ht="14.25" customHeight="1" x14ac:dyDescent="0.15">
      <c r="B91" s="119"/>
      <c r="C91" s="113" t="s">
        <v>347</v>
      </c>
      <c r="D91" s="113" t="s">
        <v>366</v>
      </c>
      <c r="E91" s="140">
        <v>118</v>
      </c>
      <c r="F91" s="251"/>
      <c r="G91" s="251"/>
      <c r="H91" s="114">
        <v>108</v>
      </c>
      <c r="I91" s="137">
        <v>0.92</v>
      </c>
      <c r="J91" s="344">
        <v>1.2</v>
      </c>
    </row>
    <row r="92" spans="2:10" x14ac:dyDescent="0.15">
      <c r="B92" s="119"/>
      <c r="C92" s="113" t="s">
        <v>367</v>
      </c>
      <c r="D92" s="113" t="s">
        <v>366</v>
      </c>
      <c r="E92" s="140">
        <v>158</v>
      </c>
      <c r="F92" s="251"/>
      <c r="G92" s="251"/>
      <c r="H92" s="114">
        <v>161</v>
      </c>
      <c r="I92" s="137">
        <v>1.02</v>
      </c>
      <c r="J92" s="344">
        <v>0.78</v>
      </c>
    </row>
    <row r="93" spans="2:10" ht="14.25" customHeight="1" x14ac:dyDescent="0.15">
      <c r="B93" s="119"/>
      <c r="C93" s="230" t="s">
        <v>83</v>
      </c>
      <c r="D93" s="113" t="s">
        <v>366</v>
      </c>
      <c r="E93" s="140">
        <v>118</v>
      </c>
      <c r="F93" s="251"/>
      <c r="G93" s="251"/>
      <c r="H93" s="114">
        <v>73</v>
      </c>
      <c r="I93" s="137">
        <v>0.62</v>
      </c>
      <c r="J93" s="344">
        <v>0.5</v>
      </c>
    </row>
    <row r="94" spans="2:10" x14ac:dyDescent="0.15">
      <c r="B94" s="119"/>
      <c r="C94" s="113" t="s">
        <v>336</v>
      </c>
      <c r="D94" s="113" t="s">
        <v>366</v>
      </c>
      <c r="E94" s="140">
        <v>118</v>
      </c>
      <c r="F94" s="251"/>
      <c r="G94" s="251"/>
      <c r="H94" s="114">
        <v>125</v>
      </c>
      <c r="I94" s="137">
        <v>1.06</v>
      </c>
      <c r="J94" s="344">
        <v>1.19</v>
      </c>
    </row>
    <row r="95" spans="2:10" x14ac:dyDescent="0.15">
      <c r="B95" s="119"/>
      <c r="C95" s="113" t="s">
        <v>89</v>
      </c>
      <c r="D95" s="113" t="s">
        <v>366</v>
      </c>
      <c r="E95" s="140">
        <v>158</v>
      </c>
      <c r="F95" s="251"/>
      <c r="G95" s="251"/>
      <c r="H95" s="114">
        <v>204</v>
      </c>
      <c r="I95" s="137">
        <v>1.29</v>
      </c>
      <c r="J95" s="344">
        <v>0.92</v>
      </c>
    </row>
    <row r="96" spans="2:10" ht="21.75" customHeight="1" x14ac:dyDescent="0.15">
      <c r="B96" s="119"/>
      <c r="C96" s="113" t="s">
        <v>368</v>
      </c>
      <c r="D96" s="113" t="s">
        <v>369</v>
      </c>
      <c r="E96" s="140">
        <v>199</v>
      </c>
      <c r="F96" s="251"/>
      <c r="G96" s="251"/>
      <c r="H96" s="114">
        <v>196</v>
      </c>
      <c r="I96" s="137">
        <v>0.98</v>
      </c>
      <c r="J96" s="344">
        <v>1.1100000000000001</v>
      </c>
    </row>
    <row r="97" spans="2:10" ht="14.25" customHeight="1" x14ac:dyDescent="0.15">
      <c r="B97" s="119"/>
      <c r="C97" s="2" t="s">
        <v>171</v>
      </c>
      <c r="D97" s="353" t="s">
        <v>370</v>
      </c>
      <c r="E97" s="140">
        <v>39</v>
      </c>
      <c r="F97" s="354"/>
      <c r="G97" s="354"/>
      <c r="H97" s="114">
        <v>67</v>
      </c>
      <c r="I97" s="137">
        <v>1.72</v>
      </c>
      <c r="J97" s="344">
        <v>1.1299999999999999</v>
      </c>
    </row>
    <row r="98" spans="2:10" ht="14.25" customHeight="1" x14ac:dyDescent="0.15">
      <c r="B98" s="119"/>
      <c r="C98" s="2"/>
      <c r="D98" s="222" t="s">
        <v>273</v>
      </c>
      <c r="E98" s="274">
        <v>238</v>
      </c>
      <c r="F98" s="275"/>
      <c r="H98" s="258">
        <v>263</v>
      </c>
      <c r="I98" s="260">
        <v>1.1100000000000001</v>
      </c>
      <c r="J98" s="293">
        <v>1.1100000000000001</v>
      </c>
    </row>
    <row r="99" spans="2:10" ht="21.75" customHeight="1" x14ac:dyDescent="0.15">
      <c r="B99" s="119"/>
      <c r="C99" s="113" t="s">
        <v>371</v>
      </c>
      <c r="D99" s="113" t="s">
        <v>372</v>
      </c>
      <c r="E99" s="140">
        <v>118</v>
      </c>
      <c r="F99" s="251"/>
      <c r="G99" s="251"/>
      <c r="H99" s="114">
        <v>107</v>
      </c>
      <c r="I99" s="137">
        <v>0.91</v>
      </c>
      <c r="J99" s="344">
        <v>1.58</v>
      </c>
    </row>
    <row r="100" spans="2:10" ht="7.5" customHeight="1" x14ac:dyDescent="0.15">
      <c r="B100" s="314"/>
      <c r="C100" s="345"/>
      <c r="D100" s="355"/>
      <c r="E100" s="346"/>
      <c r="F100" s="356"/>
      <c r="G100" s="356"/>
      <c r="H100" s="356"/>
      <c r="I100" s="348"/>
      <c r="J100" s="349"/>
    </row>
    <row r="101" spans="2:10" ht="7.5" customHeight="1" x14ac:dyDescent="0.15">
      <c r="B101" s="119"/>
      <c r="C101" s="254"/>
      <c r="D101" s="254"/>
      <c r="E101" s="140"/>
      <c r="F101" s="251"/>
      <c r="G101" s="251"/>
      <c r="H101" s="251"/>
      <c r="I101" s="137"/>
      <c r="J101" s="289"/>
    </row>
    <row r="102" spans="2:10" ht="14.25" customHeight="1" x14ac:dyDescent="0.15">
      <c r="B102" s="119"/>
      <c r="C102" s="374" t="s">
        <v>138</v>
      </c>
      <c r="D102" s="375"/>
      <c r="E102" s="274">
        <v>1026</v>
      </c>
      <c r="F102" s="275"/>
      <c r="H102" s="258">
        <v>1041</v>
      </c>
      <c r="I102" s="260">
        <v>1.01</v>
      </c>
      <c r="J102" s="293">
        <v>1.03</v>
      </c>
    </row>
    <row r="103" spans="2:10" ht="7.5" customHeight="1" x14ac:dyDescent="0.15">
      <c r="B103" s="127"/>
      <c r="C103" s="262"/>
      <c r="D103" s="262"/>
      <c r="E103" s="151"/>
      <c r="F103" s="301"/>
      <c r="G103" s="301"/>
      <c r="H103" s="301"/>
      <c r="I103" s="154"/>
      <c r="J103" s="132"/>
    </row>
    <row r="104" spans="2:10" ht="7.15" customHeight="1" x14ac:dyDescent="0.15">
      <c r="B104" s="390"/>
      <c r="C104" s="390"/>
      <c r="D104" s="390"/>
      <c r="E104" s="390"/>
      <c r="F104" s="390"/>
      <c r="G104" s="390"/>
      <c r="H104" s="390"/>
      <c r="I104" s="390"/>
      <c r="J104" s="390"/>
    </row>
    <row r="105" spans="2:10" ht="7.5" customHeight="1" x14ac:dyDescent="0.15"/>
    <row r="106" spans="2:10" ht="17.25" customHeight="1" x14ac:dyDescent="0.15">
      <c r="B106" s="113" t="s">
        <v>373</v>
      </c>
    </row>
    <row r="107" spans="2:10" ht="7.5" customHeight="1" x14ac:dyDescent="0.15">
      <c r="B107" s="115"/>
      <c r="C107" s="116"/>
      <c r="D107" s="116"/>
      <c r="E107" s="11"/>
      <c r="F107" s="10"/>
      <c r="G107" s="10"/>
      <c r="H107" s="10"/>
      <c r="I107" s="10"/>
      <c r="J107" s="12"/>
    </row>
    <row r="108" spans="2:10" ht="14.25" customHeight="1" x14ac:dyDescent="0.15">
      <c r="B108" s="119"/>
      <c r="E108" s="121"/>
      <c r="F108" s="16">
        <v>45687</v>
      </c>
      <c r="G108" s="17"/>
      <c r="H108" s="17"/>
      <c r="I108" s="18">
        <v>45687</v>
      </c>
      <c r="J108" s="371" t="s">
        <v>4</v>
      </c>
    </row>
    <row r="109" spans="2:10" ht="14.25" customHeight="1" x14ac:dyDescent="0.15">
      <c r="B109" s="119"/>
      <c r="C109" s="113" t="s">
        <v>5</v>
      </c>
      <c r="D109" s="113" t="s">
        <v>239</v>
      </c>
      <c r="E109" s="122" t="s">
        <v>132</v>
      </c>
      <c r="F109" s="22" t="s">
        <v>7</v>
      </c>
      <c r="G109" s="22"/>
      <c r="H109" s="22"/>
      <c r="I109" s="23" t="s">
        <v>8</v>
      </c>
      <c r="J109" s="372"/>
    </row>
    <row r="110" spans="2:10" ht="14.25" customHeight="1" x14ac:dyDescent="0.15">
      <c r="B110" s="119"/>
      <c r="C110" s="124"/>
      <c r="D110" s="124"/>
      <c r="E110" s="126" t="s">
        <v>133</v>
      </c>
      <c r="F110" s="25" t="s">
        <v>11</v>
      </c>
      <c r="G110" s="26"/>
      <c r="H110" s="27"/>
      <c r="I110" s="23" t="s">
        <v>12</v>
      </c>
      <c r="J110" s="372"/>
    </row>
    <row r="111" spans="2:10" ht="7.5" customHeight="1" x14ac:dyDescent="0.15">
      <c r="B111" s="127"/>
      <c r="C111" s="244"/>
      <c r="D111" s="245"/>
      <c r="E111" s="31"/>
      <c r="F111" s="32"/>
      <c r="G111" s="30"/>
      <c r="H111" s="33"/>
      <c r="I111" s="34"/>
      <c r="J111" s="35"/>
    </row>
    <row r="112" spans="2:10" ht="7.5" customHeight="1" x14ac:dyDescent="0.15">
      <c r="B112" s="119"/>
      <c r="C112" s="124"/>
      <c r="D112" s="124"/>
      <c r="E112" s="37"/>
      <c r="F112" s="14"/>
      <c r="G112" s="14"/>
      <c r="H112" s="14"/>
      <c r="I112" s="69"/>
      <c r="J112" s="350"/>
    </row>
    <row r="113" spans="2:10" ht="7.5" customHeight="1" x14ac:dyDescent="0.15">
      <c r="B113" s="119"/>
      <c r="C113" s="124"/>
      <c r="D113" s="124"/>
      <c r="E113" s="68"/>
      <c r="F113" s="14"/>
      <c r="G113" s="14"/>
      <c r="H113" s="14"/>
      <c r="I113" s="69"/>
      <c r="J113" s="343"/>
    </row>
    <row r="114" spans="2:10" ht="14.25" customHeight="1" x14ac:dyDescent="0.15">
      <c r="B114" s="119"/>
      <c r="C114" s="2" t="s">
        <v>374</v>
      </c>
      <c r="D114" s="113" t="s">
        <v>375</v>
      </c>
      <c r="E114" s="140">
        <v>38</v>
      </c>
      <c r="F114" s="251"/>
      <c r="G114" s="251"/>
      <c r="H114" s="114">
        <v>49</v>
      </c>
      <c r="I114" s="137">
        <v>1.29</v>
      </c>
      <c r="J114" s="344">
        <v>0.97</v>
      </c>
    </row>
    <row r="115" spans="2:10" ht="14.25" customHeight="1" x14ac:dyDescent="0.15">
      <c r="B115" s="119"/>
      <c r="C115" s="113" t="s">
        <v>150</v>
      </c>
      <c r="D115" s="113" t="s">
        <v>376</v>
      </c>
      <c r="E115" s="140">
        <v>38</v>
      </c>
      <c r="F115" s="251"/>
      <c r="G115" s="251"/>
      <c r="H115" s="114">
        <v>22</v>
      </c>
      <c r="I115" s="137">
        <v>0.57999999999999996</v>
      </c>
      <c r="J115" s="344">
        <v>0.44</v>
      </c>
    </row>
    <row r="116" spans="2:10" ht="14.25" customHeight="1" x14ac:dyDescent="0.15">
      <c r="B116" s="119"/>
      <c r="C116" s="113" t="s">
        <v>150</v>
      </c>
      <c r="D116" s="113" t="s">
        <v>377</v>
      </c>
      <c r="E116" s="140">
        <v>38</v>
      </c>
      <c r="F116" s="251"/>
      <c r="G116" s="251"/>
      <c r="H116" s="114">
        <v>44</v>
      </c>
      <c r="I116" s="137">
        <v>1.1599999999999999</v>
      </c>
      <c r="J116" s="344">
        <v>1.56</v>
      </c>
    </row>
    <row r="117" spans="2:10" ht="14.25" customHeight="1" x14ac:dyDescent="0.15">
      <c r="B117" s="119"/>
      <c r="C117" s="113" t="s">
        <v>150</v>
      </c>
      <c r="D117" s="113" t="s">
        <v>378</v>
      </c>
      <c r="E117" s="140">
        <v>38</v>
      </c>
      <c r="F117" s="251"/>
      <c r="G117" s="251"/>
      <c r="H117" s="114">
        <v>26</v>
      </c>
      <c r="I117" s="137">
        <v>0.68</v>
      </c>
      <c r="J117" s="344">
        <v>1.44</v>
      </c>
    </row>
    <row r="118" spans="2:10" ht="14.25" customHeight="1" x14ac:dyDescent="0.15">
      <c r="B118" s="119"/>
      <c r="D118" s="222" t="s">
        <v>273</v>
      </c>
      <c r="E118" s="274">
        <v>152</v>
      </c>
      <c r="F118" s="275"/>
      <c r="H118" s="258">
        <v>141</v>
      </c>
      <c r="I118" s="260">
        <v>0.93</v>
      </c>
      <c r="J118" s="293">
        <v>1.1000000000000001</v>
      </c>
    </row>
    <row r="119" spans="2:10" ht="7.5" customHeight="1" x14ac:dyDescent="0.15">
      <c r="B119" s="127"/>
      <c r="C119" s="128"/>
      <c r="D119" s="128"/>
      <c r="E119" s="151"/>
      <c r="F119" s="301"/>
      <c r="G119" s="301"/>
      <c r="H119" s="301"/>
      <c r="I119" s="154"/>
      <c r="J119" s="132"/>
    </row>
    <row r="120" spans="2:10" ht="7.5" customHeight="1" x14ac:dyDescent="0.15"/>
    <row r="121" spans="2:10" ht="7.5" customHeight="1" x14ac:dyDescent="0.15"/>
    <row r="122" spans="2:10" ht="14.25" customHeight="1" x14ac:dyDescent="0.15">
      <c r="B122" s="113" t="s">
        <v>379</v>
      </c>
    </row>
    <row r="123" spans="2:10" ht="7.5" customHeight="1" x14ac:dyDescent="0.15">
      <c r="B123" s="115"/>
      <c r="C123" s="116"/>
      <c r="D123" s="116"/>
      <c r="E123" s="11"/>
      <c r="F123" s="10"/>
      <c r="G123" s="10"/>
      <c r="H123" s="10"/>
      <c r="I123" s="10"/>
      <c r="J123" s="12"/>
    </row>
    <row r="124" spans="2:10" ht="14.25" customHeight="1" x14ac:dyDescent="0.15">
      <c r="B124" s="119"/>
      <c r="E124" s="121"/>
      <c r="F124" s="16">
        <v>45687</v>
      </c>
      <c r="G124" s="17"/>
      <c r="H124" s="17"/>
      <c r="I124" s="16">
        <v>45687</v>
      </c>
      <c r="J124" s="371" t="s">
        <v>4</v>
      </c>
    </row>
    <row r="125" spans="2:10" ht="14.25" customHeight="1" x14ac:dyDescent="0.15">
      <c r="B125" s="119"/>
      <c r="C125" s="113" t="s">
        <v>5</v>
      </c>
      <c r="D125" s="113" t="s">
        <v>239</v>
      </c>
      <c r="E125" s="122" t="s">
        <v>132</v>
      </c>
      <c r="F125" s="22" t="s">
        <v>7</v>
      </c>
      <c r="G125" s="22"/>
      <c r="H125" s="22"/>
      <c r="I125" s="23" t="s">
        <v>8</v>
      </c>
      <c r="J125" s="372"/>
    </row>
    <row r="126" spans="2:10" ht="14.25" customHeight="1" x14ac:dyDescent="0.15">
      <c r="B126" s="119"/>
      <c r="C126" s="124"/>
      <c r="D126" s="124"/>
      <c r="E126" s="126" t="s">
        <v>133</v>
      </c>
      <c r="F126" s="25" t="s">
        <v>11</v>
      </c>
      <c r="G126" s="26"/>
      <c r="H126" s="27"/>
      <c r="I126" s="23" t="s">
        <v>12</v>
      </c>
      <c r="J126" s="372"/>
    </row>
    <row r="127" spans="2:10" ht="7.5" customHeight="1" x14ac:dyDescent="0.15">
      <c r="B127" s="127"/>
      <c r="C127" s="244"/>
      <c r="D127" s="245"/>
      <c r="E127" s="31"/>
      <c r="F127" s="32"/>
      <c r="G127" s="30"/>
      <c r="H127" s="33"/>
      <c r="I127" s="34"/>
      <c r="J127" s="35"/>
    </row>
    <row r="128" spans="2:10" ht="7.5" customHeight="1" x14ac:dyDescent="0.15">
      <c r="B128" s="119"/>
      <c r="C128" s="124"/>
      <c r="D128" s="124"/>
      <c r="E128" s="37"/>
      <c r="F128" s="14"/>
      <c r="G128" s="14"/>
      <c r="H128" s="14"/>
      <c r="I128" s="69"/>
      <c r="J128" s="350"/>
    </row>
    <row r="129" spans="2:10" ht="14.25" customHeight="1" x14ac:dyDescent="0.15">
      <c r="B129" s="119"/>
      <c r="C129" s="113" t="s">
        <v>380</v>
      </c>
      <c r="D129" s="113" t="s">
        <v>381</v>
      </c>
      <c r="E129" s="140">
        <v>39</v>
      </c>
      <c r="F129" s="251"/>
      <c r="G129" s="251"/>
      <c r="H129" s="114">
        <v>29</v>
      </c>
      <c r="I129" s="137">
        <v>0.74</v>
      </c>
      <c r="J129" s="344">
        <v>1.36</v>
      </c>
    </row>
    <row r="130" spans="2:10" ht="7.5" customHeight="1" x14ac:dyDescent="0.15">
      <c r="B130" s="127"/>
      <c r="C130" s="128"/>
      <c r="D130" s="128"/>
      <c r="E130" s="151"/>
      <c r="F130" s="301"/>
      <c r="G130" s="301"/>
      <c r="H130" s="301"/>
      <c r="I130" s="154"/>
      <c r="J130" s="132"/>
    </row>
    <row r="131" spans="2:10" ht="10.5" customHeight="1" x14ac:dyDescent="0.15">
      <c r="J131" s="114"/>
    </row>
    <row r="132" spans="2:10" ht="7.5" customHeight="1" x14ac:dyDescent="0.15"/>
    <row r="133" spans="2:10" ht="14.25" customHeight="1" x14ac:dyDescent="0.15">
      <c r="B133" s="113" t="s">
        <v>382</v>
      </c>
    </row>
    <row r="134" spans="2:10" ht="7.5" customHeight="1" x14ac:dyDescent="0.15">
      <c r="B134" s="115"/>
      <c r="C134" s="116"/>
      <c r="D134" s="116"/>
      <c r="E134" s="11"/>
      <c r="F134" s="10"/>
      <c r="G134" s="10"/>
      <c r="H134" s="10"/>
      <c r="I134" s="10"/>
      <c r="J134" s="12"/>
    </row>
    <row r="135" spans="2:10" ht="14.25" customHeight="1" x14ac:dyDescent="0.15">
      <c r="B135" s="119"/>
      <c r="E135" s="121"/>
      <c r="F135" s="16">
        <v>45687</v>
      </c>
      <c r="G135" s="17"/>
      <c r="H135" s="17"/>
      <c r="I135" s="16">
        <v>45687</v>
      </c>
      <c r="J135" s="371" t="s">
        <v>4</v>
      </c>
    </row>
    <row r="136" spans="2:10" ht="14.25" customHeight="1" x14ac:dyDescent="0.15">
      <c r="B136" s="119"/>
      <c r="C136" s="113" t="s">
        <v>5</v>
      </c>
      <c r="D136" s="113" t="s">
        <v>239</v>
      </c>
      <c r="E136" s="122" t="s">
        <v>132</v>
      </c>
      <c r="F136" s="22" t="s">
        <v>7</v>
      </c>
      <c r="G136" s="22"/>
      <c r="H136" s="22"/>
      <c r="I136" s="23" t="s">
        <v>8</v>
      </c>
      <c r="J136" s="372"/>
    </row>
    <row r="137" spans="2:10" ht="14.25" customHeight="1" x14ac:dyDescent="0.15">
      <c r="B137" s="119"/>
      <c r="C137" s="124"/>
      <c r="D137" s="124"/>
      <c r="E137" s="126" t="s">
        <v>133</v>
      </c>
      <c r="F137" s="25" t="s">
        <v>11</v>
      </c>
      <c r="G137" s="26"/>
      <c r="H137" s="27"/>
      <c r="I137" s="23" t="s">
        <v>12</v>
      </c>
      <c r="J137" s="372"/>
    </row>
    <row r="138" spans="2:10" ht="7.5" customHeight="1" x14ac:dyDescent="0.15">
      <c r="B138" s="127"/>
      <c r="C138" s="244"/>
      <c r="D138" s="244"/>
      <c r="E138" s="31"/>
      <c r="F138" s="32"/>
      <c r="G138" s="30"/>
      <c r="H138" s="33"/>
      <c r="I138" s="34"/>
      <c r="J138" s="35"/>
    </row>
    <row r="139" spans="2:10" ht="7.5" customHeight="1" x14ac:dyDescent="0.15">
      <c r="B139" s="119"/>
      <c r="C139" s="124"/>
      <c r="D139" s="124"/>
      <c r="E139" s="37"/>
      <c r="F139" s="14"/>
      <c r="G139" s="14"/>
      <c r="H139" s="14"/>
      <c r="I139" s="69"/>
      <c r="J139" s="350"/>
    </row>
    <row r="140" spans="2:10" ht="14.25" customHeight="1" x14ac:dyDescent="0.15">
      <c r="B140" s="119"/>
      <c r="C140" s="2" t="s">
        <v>29</v>
      </c>
      <c r="D140" s="113" t="s">
        <v>383</v>
      </c>
      <c r="E140" s="140">
        <v>38</v>
      </c>
      <c r="F140" s="251"/>
      <c r="G140" s="251"/>
      <c r="H140" s="114">
        <v>29</v>
      </c>
      <c r="I140" s="137">
        <v>0.76</v>
      </c>
      <c r="J140" s="344">
        <v>0.9</v>
      </c>
    </row>
    <row r="141" spans="2:10" ht="14.25" customHeight="1" x14ac:dyDescent="0.15">
      <c r="B141" s="119"/>
      <c r="C141" s="113" t="s">
        <v>384</v>
      </c>
      <c r="D141" s="113" t="s">
        <v>385</v>
      </c>
      <c r="E141" s="140">
        <v>78</v>
      </c>
      <c r="F141" s="251"/>
      <c r="G141" s="251"/>
      <c r="H141" s="114">
        <v>47</v>
      </c>
      <c r="I141" s="137">
        <v>0.6</v>
      </c>
      <c r="J141" s="344">
        <v>0.63</v>
      </c>
    </row>
    <row r="142" spans="2:10" ht="14.25" customHeight="1" x14ac:dyDescent="0.15">
      <c r="B142" s="119"/>
      <c r="C142" s="113" t="s">
        <v>109</v>
      </c>
      <c r="D142" s="113" t="s">
        <v>383</v>
      </c>
      <c r="E142" s="140">
        <v>38</v>
      </c>
      <c r="F142" s="251"/>
      <c r="G142" s="251"/>
      <c r="H142" s="114">
        <v>16</v>
      </c>
      <c r="I142" s="137">
        <v>0.42</v>
      </c>
      <c r="J142" s="344">
        <v>0.63</v>
      </c>
    </row>
    <row r="143" spans="2:10" ht="24" customHeight="1" x14ac:dyDescent="0.15">
      <c r="B143" s="119"/>
      <c r="C143" s="113" t="s">
        <v>380</v>
      </c>
      <c r="D143" s="113" t="s">
        <v>383</v>
      </c>
      <c r="E143" s="140">
        <v>39</v>
      </c>
      <c r="F143" s="251"/>
      <c r="G143" s="251"/>
      <c r="H143" s="114">
        <v>36</v>
      </c>
      <c r="I143" s="137">
        <v>0.92</v>
      </c>
      <c r="J143" s="344">
        <v>0.72</v>
      </c>
    </row>
    <row r="144" spans="2:10" ht="7.5" customHeight="1" x14ac:dyDescent="0.15">
      <c r="B144" s="119"/>
      <c r="E144" s="140"/>
      <c r="F144" s="251"/>
      <c r="G144" s="251"/>
      <c r="H144" s="251"/>
      <c r="I144" s="137"/>
      <c r="J144" s="357"/>
    </row>
    <row r="145" spans="2:10" ht="7.5" customHeight="1" x14ac:dyDescent="0.15">
      <c r="B145" s="142"/>
      <c r="C145" s="143"/>
      <c r="D145" s="143"/>
      <c r="E145" s="145"/>
      <c r="F145" s="298"/>
      <c r="G145" s="298"/>
      <c r="H145" s="298"/>
      <c r="I145" s="147"/>
      <c r="J145" s="358"/>
    </row>
    <row r="146" spans="2:10" ht="14.25" customHeight="1" x14ac:dyDescent="0.15">
      <c r="B146" s="119"/>
      <c r="C146" s="374" t="s">
        <v>138</v>
      </c>
      <c r="D146" s="375"/>
      <c r="E146" s="274">
        <v>193</v>
      </c>
      <c r="F146" s="275"/>
      <c r="H146" s="258">
        <v>128</v>
      </c>
      <c r="I146" s="260">
        <v>0.66</v>
      </c>
      <c r="J146" s="293">
        <v>0.7</v>
      </c>
    </row>
    <row r="147" spans="2:10" ht="7.5" customHeight="1" x14ac:dyDescent="0.15">
      <c r="B147" s="127"/>
      <c r="C147" s="262"/>
      <c r="D147" s="262"/>
      <c r="E147" s="151"/>
      <c r="F147" s="301"/>
      <c r="G147" s="301"/>
      <c r="H147" s="301"/>
      <c r="I147" s="154"/>
      <c r="J147" s="132"/>
    </row>
    <row r="148" spans="2:10" ht="7.5" customHeight="1" x14ac:dyDescent="0.15"/>
    <row r="149" spans="2:10" ht="14.25" customHeight="1" x14ac:dyDescent="0.15">
      <c r="B149" s="113" t="s">
        <v>386</v>
      </c>
    </row>
    <row r="150" spans="2:10" ht="7.5" customHeight="1" x14ac:dyDescent="0.15">
      <c r="B150" s="115"/>
      <c r="C150" s="116"/>
      <c r="D150" s="116"/>
      <c r="E150" s="11"/>
      <c r="F150" s="10"/>
      <c r="G150" s="10"/>
      <c r="H150" s="10"/>
      <c r="I150" s="10"/>
      <c r="J150" s="12"/>
    </row>
    <row r="151" spans="2:10" ht="14.25" customHeight="1" x14ac:dyDescent="0.15">
      <c r="B151" s="119"/>
      <c r="E151" s="121"/>
      <c r="F151" s="16">
        <v>45687</v>
      </c>
      <c r="G151" s="17"/>
      <c r="H151" s="17"/>
      <c r="I151" s="16">
        <v>45687</v>
      </c>
      <c r="J151" s="371" t="s">
        <v>4</v>
      </c>
    </row>
    <row r="152" spans="2:10" ht="14.25" customHeight="1" x14ac:dyDescent="0.15">
      <c r="B152" s="119"/>
      <c r="C152" s="113" t="s">
        <v>5</v>
      </c>
      <c r="D152" s="113" t="s">
        <v>239</v>
      </c>
      <c r="E152" s="122" t="s">
        <v>132</v>
      </c>
      <c r="F152" s="22" t="s">
        <v>7</v>
      </c>
      <c r="G152" s="22"/>
      <c r="H152" s="22"/>
      <c r="I152" s="23" t="s">
        <v>8</v>
      </c>
      <c r="J152" s="372"/>
    </row>
    <row r="153" spans="2:10" ht="14.25" customHeight="1" x14ac:dyDescent="0.15">
      <c r="B153" s="119"/>
      <c r="C153" s="124"/>
      <c r="D153" s="125"/>
      <c r="E153" s="126" t="s">
        <v>133</v>
      </c>
      <c r="F153" s="25" t="s">
        <v>11</v>
      </c>
      <c r="G153" s="26"/>
      <c r="H153" s="27"/>
      <c r="I153" s="23" t="s">
        <v>12</v>
      </c>
      <c r="J153" s="372"/>
    </row>
    <row r="154" spans="2:10" ht="7.5" customHeight="1" x14ac:dyDescent="0.15">
      <c r="B154" s="127"/>
      <c r="C154" s="244"/>
      <c r="D154" s="245"/>
      <c r="E154" s="31"/>
      <c r="F154" s="32"/>
      <c r="G154" s="30"/>
      <c r="H154" s="33"/>
      <c r="I154" s="34"/>
      <c r="J154" s="35"/>
    </row>
    <row r="155" spans="2:10" ht="7.5" customHeight="1" x14ac:dyDescent="0.15">
      <c r="B155" s="119"/>
      <c r="C155" s="236"/>
      <c r="D155" s="236"/>
      <c r="E155" s="37"/>
      <c r="F155" s="10"/>
      <c r="G155" s="10"/>
      <c r="H155" s="10"/>
      <c r="I155" s="38"/>
      <c r="J155" s="350"/>
    </row>
    <row r="156" spans="2:10" ht="14.25" customHeight="1" x14ac:dyDescent="0.15">
      <c r="B156" s="119"/>
      <c r="C156" s="113" t="s">
        <v>387</v>
      </c>
      <c r="D156" s="113" t="s">
        <v>388</v>
      </c>
      <c r="E156" s="140">
        <v>39</v>
      </c>
      <c r="F156" s="251"/>
      <c r="G156" s="251"/>
      <c r="H156" s="114">
        <v>57</v>
      </c>
      <c r="I156" s="137">
        <v>1.46</v>
      </c>
      <c r="J156" s="344">
        <v>0.92</v>
      </c>
    </row>
    <row r="157" spans="2:10" ht="7.5" customHeight="1" x14ac:dyDescent="0.15">
      <c r="B157" s="127"/>
      <c r="C157" s="128"/>
      <c r="D157" s="128"/>
      <c r="E157" s="151"/>
      <c r="F157" s="301"/>
      <c r="G157" s="301"/>
      <c r="H157" s="301"/>
      <c r="I157" s="154"/>
      <c r="J157" s="132"/>
    </row>
    <row r="158" spans="2:10" ht="14.25" customHeight="1" x14ac:dyDescent="0.15">
      <c r="F158" s="251"/>
      <c r="G158" s="251"/>
      <c r="H158" s="251"/>
      <c r="J158" s="114"/>
    </row>
    <row r="159" spans="2:10" ht="7.5" customHeight="1" x14ac:dyDescent="0.15">
      <c r="F159" s="251"/>
      <c r="G159" s="251"/>
      <c r="H159" s="251"/>
      <c r="J159" s="114"/>
    </row>
    <row r="160" spans="2:10" ht="18" customHeight="1" x14ac:dyDescent="0.15">
      <c r="B160" s="113" t="s">
        <v>389</v>
      </c>
    </row>
    <row r="161" spans="2:10" ht="7.5" customHeight="1" x14ac:dyDescent="0.15">
      <c r="B161" s="115"/>
      <c r="C161" s="116"/>
      <c r="D161" s="116"/>
      <c r="E161" s="11"/>
      <c r="F161" s="10"/>
      <c r="G161" s="10"/>
      <c r="H161" s="10"/>
      <c r="I161" s="10"/>
      <c r="J161" s="12"/>
    </row>
    <row r="162" spans="2:10" ht="14.25" customHeight="1" x14ac:dyDescent="0.15">
      <c r="B162" s="119"/>
      <c r="E162" s="121"/>
      <c r="F162" s="16">
        <v>45687</v>
      </c>
      <c r="G162" s="17"/>
      <c r="H162" s="17"/>
      <c r="I162" s="16">
        <v>45687</v>
      </c>
      <c r="J162" s="371" t="s">
        <v>4</v>
      </c>
    </row>
    <row r="163" spans="2:10" ht="14.25" customHeight="1" x14ac:dyDescent="0.15">
      <c r="B163" s="119"/>
      <c r="C163" s="113" t="s">
        <v>5</v>
      </c>
      <c r="D163" s="113" t="s">
        <v>239</v>
      </c>
      <c r="E163" s="122" t="s">
        <v>132</v>
      </c>
      <c r="F163" s="22" t="s">
        <v>7</v>
      </c>
      <c r="G163" s="22"/>
      <c r="H163" s="22"/>
      <c r="I163" s="23" t="s">
        <v>8</v>
      </c>
      <c r="J163" s="372"/>
    </row>
    <row r="164" spans="2:10" ht="14.25" customHeight="1" x14ac:dyDescent="0.15">
      <c r="B164" s="119"/>
      <c r="C164" s="124"/>
      <c r="D164" s="124"/>
      <c r="E164" s="126" t="s">
        <v>133</v>
      </c>
      <c r="F164" s="25" t="s">
        <v>11</v>
      </c>
      <c r="G164" s="26"/>
      <c r="H164" s="27"/>
      <c r="I164" s="23" t="s">
        <v>12</v>
      </c>
      <c r="J164" s="372"/>
    </row>
    <row r="165" spans="2:10" ht="7.5" customHeight="1" x14ac:dyDescent="0.15">
      <c r="B165" s="127"/>
      <c r="C165" s="244"/>
      <c r="D165" s="244"/>
      <c r="E165" s="31"/>
      <c r="F165" s="32"/>
      <c r="G165" s="30"/>
      <c r="H165" s="33"/>
      <c r="I165" s="34"/>
      <c r="J165" s="35"/>
    </row>
    <row r="166" spans="2:10" ht="7.5" customHeight="1" x14ac:dyDescent="0.15">
      <c r="B166" s="119"/>
      <c r="C166" s="124"/>
      <c r="D166" s="124"/>
      <c r="E166" s="37"/>
      <c r="F166" s="14"/>
      <c r="G166" s="14"/>
      <c r="H166" s="14"/>
      <c r="I166" s="69"/>
      <c r="J166" s="350"/>
    </row>
    <row r="167" spans="2:10" ht="14.25" customHeight="1" x14ac:dyDescent="0.15">
      <c r="B167" s="119"/>
      <c r="C167" s="113" t="s">
        <v>90</v>
      </c>
      <c r="D167" s="359" t="s">
        <v>390</v>
      </c>
      <c r="E167" s="140">
        <v>38</v>
      </c>
      <c r="F167" s="14"/>
      <c r="G167" s="14"/>
      <c r="H167" s="114">
        <v>47</v>
      </c>
      <c r="I167" s="137">
        <v>1.24</v>
      </c>
      <c r="J167" s="344">
        <v>1.23</v>
      </c>
    </row>
    <row r="168" spans="2:10" ht="21" customHeight="1" x14ac:dyDescent="0.15">
      <c r="B168" s="119"/>
      <c r="C168" s="113" t="s">
        <v>391</v>
      </c>
      <c r="D168" s="113" t="s">
        <v>392</v>
      </c>
      <c r="E168" s="140">
        <v>39</v>
      </c>
      <c r="F168" s="251"/>
      <c r="G168" s="251"/>
      <c r="H168" s="114">
        <v>48</v>
      </c>
      <c r="I168" s="137">
        <v>1.23</v>
      </c>
      <c r="J168" s="344">
        <v>1.46</v>
      </c>
    </row>
    <row r="169" spans="2:10" ht="7.5" customHeight="1" x14ac:dyDescent="0.15">
      <c r="B169" s="314"/>
      <c r="C169" s="345"/>
      <c r="D169" s="345"/>
      <c r="E169" s="346"/>
      <c r="F169" s="356"/>
      <c r="G169" s="356"/>
      <c r="H169" s="356"/>
      <c r="I169" s="348"/>
      <c r="J169" s="360"/>
    </row>
    <row r="170" spans="2:10" ht="7.5" customHeight="1" x14ac:dyDescent="0.15">
      <c r="B170" s="119"/>
      <c r="E170" s="140"/>
      <c r="F170" s="251"/>
      <c r="G170" s="251"/>
      <c r="H170" s="251"/>
      <c r="I170" s="137"/>
      <c r="J170" s="357"/>
    </row>
    <row r="171" spans="2:10" ht="14.25" customHeight="1" x14ac:dyDescent="0.15">
      <c r="B171" s="119"/>
      <c r="C171" s="374" t="s">
        <v>138</v>
      </c>
      <c r="D171" s="375"/>
      <c r="E171" s="274">
        <v>77</v>
      </c>
      <c r="F171" s="275"/>
      <c r="H171" s="258">
        <v>95</v>
      </c>
      <c r="I171" s="260">
        <v>1.23</v>
      </c>
      <c r="J171" s="293">
        <v>1.35</v>
      </c>
    </row>
    <row r="172" spans="2:10" ht="7.5" customHeight="1" x14ac:dyDescent="0.15">
      <c r="B172" s="127"/>
      <c r="C172" s="262"/>
      <c r="D172" s="262"/>
      <c r="E172" s="151"/>
      <c r="F172" s="301"/>
      <c r="G172" s="301"/>
      <c r="H172" s="301"/>
      <c r="I172" s="154"/>
      <c r="J172" s="132"/>
    </row>
    <row r="173" spans="2:10" ht="14.25" customHeight="1" x14ac:dyDescent="0.15">
      <c r="F173" s="251"/>
      <c r="G173" s="251"/>
      <c r="H173" s="251"/>
      <c r="J173" s="114"/>
    </row>
    <row r="174" spans="2:10" ht="7.5" customHeight="1" x14ac:dyDescent="0.15">
      <c r="F174" s="251"/>
      <c r="G174" s="251"/>
      <c r="H174" s="251"/>
      <c r="J174" s="114"/>
    </row>
    <row r="175" spans="2:10" ht="14.25" customHeight="1" x14ac:dyDescent="0.15">
      <c r="B175" s="113" t="s">
        <v>393</v>
      </c>
    </row>
    <row r="176" spans="2:10" ht="7.5" customHeight="1" x14ac:dyDescent="0.15">
      <c r="B176" s="115"/>
      <c r="C176" s="116"/>
      <c r="D176" s="116"/>
      <c r="E176" s="11"/>
      <c r="F176" s="10"/>
      <c r="G176" s="10"/>
      <c r="H176" s="10"/>
      <c r="I176" s="10"/>
      <c r="J176" s="12"/>
    </row>
    <row r="177" spans="2:10" ht="14.25" customHeight="1" x14ac:dyDescent="0.15">
      <c r="B177" s="119"/>
      <c r="E177" s="121"/>
      <c r="F177" s="16">
        <v>45687</v>
      </c>
      <c r="G177" s="17"/>
      <c r="H177" s="17"/>
      <c r="I177" s="16">
        <v>45687</v>
      </c>
      <c r="J177" s="371" t="s">
        <v>4</v>
      </c>
    </row>
    <row r="178" spans="2:10" ht="14.25" customHeight="1" x14ac:dyDescent="0.15">
      <c r="B178" s="119"/>
      <c r="C178" s="113" t="s">
        <v>5</v>
      </c>
      <c r="D178" s="113" t="s">
        <v>239</v>
      </c>
      <c r="E178" s="122" t="s">
        <v>132</v>
      </c>
      <c r="F178" s="22" t="s">
        <v>7</v>
      </c>
      <c r="G178" s="22"/>
      <c r="H178" s="22"/>
      <c r="I178" s="23" t="s">
        <v>8</v>
      </c>
      <c r="J178" s="372"/>
    </row>
    <row r="179" spans="2:10" ht="14.25" customHeight="1" x14ac:dyDescent="0.15">
      <c r="B179" s="119"/>
      <c r="C179" s="124"/>
      <c r="D179" s="124"/>
      <c r="E179" s="126" t="s">
        <v>133</v>
      </c>
      <c r="F179" s="25" t="s">
        <v>11</v>
      </c>
      <c r="G179" s="26"/>
      <c r="H179" s="27"/>
      <c r="I179" s="23" t="s">
        <v>12</v>
      </c>
      <c r="J179" s="372"/>
    </row>
    <row r="180" spans="2:10" ht="7.5" customHeight="1" x14ac:dyDescent="0.15">
      <c r="B180" s="127"/>
      <c r="C180" s="244"/>
      <c r="D180" s="244"/>
      <c r="E180" s="31"/>
      <c r="F180" s="32"/>
      <c r="G180" s="30"/>
      <c r="H180" s="33"/>
      <c r="I180" s="34"/>
      <c r="J180" s="35"/>
    </row>
    <row r="181" spans="2:10" ht="7.5" customHeight="1" x14ac:dyDescent="0.15">
      <c r="B181" s="119"/>
      <c r="C181" s="124"/>
      <c r="D181" s="124"/>
      <c r="E181" s="37"/>
      <c r="F181" s="14"/>
      <c r="G181" s="14"/>
      <c r="H181" s="14"/>
      <c r="I181" s="69"/>
      <c r="J181" s="350"/>
    </row>
    <row r="182" spans="2:10" ht="14.25" customHeight="1" x14ac:dyDescent="0.15">
      <c r="B182" s="119"/>
      <c r="C182" s="113" t="s">
        <v>21</v>
      </c>
      <c r="D182" s="359" t="s">
        <v>394</v>
      </c>
      <c r="E182" s="140">
        <v>38</v>
      </c>
      <c r="F182" s="14"/>
      <c r="G182" s="14"/>
      <c r="H182" s="114">
        <v>34</v>
      </c>
      <c r="I182" s="137">
        <v>0.89</v>
      </c>
      <c r="J182" s="344">
        <v>1.18</v>
      </c>
    </row>
    <row r="183" spans="2:10" ht="14.25" customHeight="1" x14ac:dyDescent="0.15">
      <c r="B183" s="119"/>
      <c r="C183" s="113" t="s">
        <v>37</v>
      </c>
      <c r="D183" s="359" t="s">
        <v>394</v>
      </c>
      <c r="E183" s="140">
        <v>38</v>
      </c>
      <c r="F183" s="251"/>
      <c r="G183" s="251"/>
      <c r="H183" s="114">
        <v>48</v>
      </c>
      <c r="I183" s="137">
        <v>1.26</v>
      </c>
      <c r="J183" s="344">
        <v>1.33</v>
      </c>
    </row>
    <row r="184" spans="2:10" ht="7.5" customHeight="1" x14ac:dyDescent="0.15">
      <c r="B184" s="314"/>
      <c r="C184" s="345"/>
      <c r="D184" s="345"/>
      <c r="E184" s="346"/>
      <c r="F184" s="356"/>
      <c r="G184" s="356"/>
      <c r="H184" s="356"/>
      <c r="I184" s="348"/>
      <c r="J184" s="361"/>
    </row>
    <row r="185" spans="2:10" ht="7.5" customHeight="1" x14ac:dyDescent="0.15">
      <c r="B185" s="119"/>
      <c r="E185" s="140"/>
      <c r="F185" s="251"/>
      <c r="G185" s="251"/>
      <c r="H185" s="251"/>
      <c r="I185" s="137"/>
      <c r="J185" s="309"/>
    </row>
    <row r="186" spans="2:10" ht="14.25" customHeight="1" x14ac:dyDescent="0.15">
      <c r="B186" s="119"/>
      <c r="C186" s="374" t="s">
        <v>138</v>
      </c>
      <c r="D186" s="375"/>
      <c r="E186" s="274">
        <v>76</v>
      </c>
      <c r="F186" s="275"/>
      <c r="H186" s="258">
        <v>82</v>
      </c>
      <c r="I186" s="260">
        <v>1.08</v>
      </c>
      <c r="J186" s="293">
        <v>1.26</v>
      </c>
    </row>
    <row r="187" spans="2:10" ht="7.5" customHeight="1" x14ac:dyDescent="0.15">
      <c r="B187" s="127"/>
      <c r="C187" s="262"/>
      <c r="D187" s="262"/>
      <c r="E187" s="151"/>
      <c r="F187" s="301"/>
      <c r="G187" s="301"/>
      <c r="H187" s="301"/>
      <c r="I187" s="154"/>
      <c r="J187" s="132"/>
    </row>
    <row r="188" spans="2:10" ht="14.25" customHeight="1" x14ac:dyDescent="0.15">
      <c r="F188" s="251"/>
      <c r="G188" s="251"/>
      <c r="H188" s="251"/>
      <c r="J188" s="114"/>
    </row>
    <row r="189" spans="2:10" ht="7.5" customHeight="1" x14ac:dyDescent="0.15">
      <c r="F189" s="251"/>
      <c r="G189" s="251"/>
      <c r="H189" s="251"/>
      <c r="J189" s="114"/>
    </row>
    <row r="190" spans="2:10" ht="14.25" customHeight="1" x14ac:dyDescent="0.15">
      <c r="B190" s="113" t="s">
        <v>395</v>
      </c>
    </row>
    <row r="191" spans="2:10" ht="7.5" customHeight="1" x14ac:dyDescent="0.15">
      <c r="B191" s="115"/>
      <c r="C191" s="116"/>
      <c r="D191" s="116"/>
      <c r="E191" s="11"/>
      <c r="F191" s="10"/>
      <c r="G191" s="10"/>
      <c r="H191" s="10"/>
      <c r="I191" s="10"/>
      <c r="J191" s="12"/>
    </row>
    <row r="192" spans="2:10" ht="14.25" customHeight="1" x14ac:dyDescent="0.15">
      <c r="B192" s="119"/>
      <c r="E192" s="121"/>
      <c r="F192" s="16">
        <v>45687</v>
      </c>
      <c r="G192" s="17"/>
      <c r="H192" s="17"/>
      <c r="I192" s="16">
        <v>45687</v>
      </c>
      <c r="J192" s="371" t="s">
        <v>4</v>
      </c>
    </row>
    <row r="193" spans="2:10" ht="14.25" customHeight="1" x14ac:dyDescent="0.15">
      <c r="B193" s="119"/>
      <c r="C193" s="113" t="s">
        <v>5</v>
      </c>
      <c r="D193" s="113" t="s">
        <v>239</v>
      </c>
      <c r="E193" s="122" t="s">
        <v>132</v>
      </c>
      <c r="F193" s="22" t="s">
        <v>7</v>
      </c>
      <c r="G193" s="22"/>
      <c r="H193" s="22"/>
      <c r="I193" s="23" t="s">
        <v>8</v>
      </c>
      <c r="J193" s="372"/>
    </row>
    <row r="194" spans="2:10" ht="14.25" customHeight="1" x14ac:dyDescent="0.15">
      <c r="B194" s="119"/>
      <c r="C194" s="124"/>
      <c r="D194" s="124"/>
      <c r="E194" s="126" t="s">
        <v>133</v>
      </c>
      <c r="F194" s="25" t="s">
        <v>11</v>
      </c>
      <c r="G194" s="26"/>
      <c r="H194" s="27"/>
      <c r="I194" s="23" t="s">
        <v>12</v>
      </c>
      <c r="J194" s="372"/>
    </row>
    <row r="195" spans="2:10" ht="7.5" customHeight="1" x14ac:dyDescent="0.15">
      <c r="B195" s="127"/>
      <c r="C195" s="244"/>
      <c r="D195" s="244"/>
      <c r="E195" s="31"/>
      <c r="F195" s="32"/>
      <c r="G195" s="30"/>
      <c r="H195" s="33"/>
      <c r="I195" s="34"/>
      <c r="J195" s="35"/>
    </row>
    <row r="196" spans="2:10" ht="7.5" customHeight="1" x14ac:dyDescent="0.15">
      <c r="B196" s="119"/>
      <c r="C196" s="124"/>
      <c r="D196" s="124"/>
      <c r="E196" s="37"/>
      <c r="F196" s="14"/>
      <c r="G196" s="14"/>
      <c r="H196" s="14"/>
      <c r="I196" s="69"/>
      <c r="J196" s="350"/>
    </row>
    <row r="197" spans="2:10" ht="14.25" customHeight="1" x14ac:dyDescent="0.15">
      <c r="B197" s="119"/>
      <c r="C197" s="359" t="s">
        <v>396</v>
      </c>
      <c r="D197" s="359" t="s">
        <v>189</v>
      </c>
      <c r="E197" s="140">
        <v>35</v>
      </c>
      <c r="F197" s="114"/>
      <c r="G197" s="362"/>
      <c r="H197" s="114">
        <v>57</v>
      </c>
      <c r="I197" s="137">
        <v>1.63</v>
      </c>
      <c r="J197" s="344">
        <v>1</v>
      </c>
    </row>
    <row r="198" spans="2:10" ht="14.25" customHeight="1" x14ac:dyDescent="0.15">
      <c r="B198" s="119"/>
      <c r="C198" s="113" t="s">
        <v>391</v>
      </c>
      <c r="D198" s="113" t="s">
        <v>397</v>
      </c>
      <c r="E198" s="140">
        <v>39</v>
      </c>
      <c r="F198" s="328"/>
      <c r="G198" s="328"/>
      <c r="H198" s="114">
        <v>55</v>
      </c>
      <c r="I198" s="137">
        <v>1.41</v>
      </c>
      <c r="J198" s="344">
        <v>1.95</v>
      </c>
    </row>
    <row r="199" spans="2:10" ht="7.5" customHeight="1" x14ac:dyDescent="0.15">
      <c r="B199" s="314"/>
      <c r="C199" s="363"/>
      <c r="D199" s="363"/>
      <c r="E199" s="346"/>
      <c r="F199" s="356"/>
      <c r="G199" s="364"/>
      <c r="H199" s="365"/>
      <c r="I199" s="348"/>
      <c r="J199" s="366"/>
    </row>
    <row r="200" spans="2:10" ht="7.5" customHeight="1" x14ac:dyDescent="0.15">
      <c r="B200" s="119"/>
      <c r="C200" s="254"/>
      <c r="D200" s="254"/>
      <c r="E200" s="140"/>
      <c r="F200" s="251"/>
      <c r="G200" s="328"/>
      <c r="H200" s="114"/>
      <c r="I200" s="137"/>
      <c r="J200" s="279"/>
    </row>
    <row r="201" spans="2:10" ht="14.25" customHeight="1" x14ac:dyDescent="0.15">
      <c r="B201" s="119"/>
      <c r="C201" s="374" t="s">
        <v>138</v>
      </c>
      <c r="D201" s="375"/>
      <c r="E201" s="274">
        <v>74</v>
      </c>
      <c r="F201" s="367"/>
      <c r="G201" s="367"/>
      <c r="H201" s="258">
        <v>112</v>
      </c>
      <c r="I201" s="260">
        <v>1.51</v>
      </c>
      <c r="J201" s="293">
        <v>1.5</v>
      </c>
    </row>
    <row r="202" spans="2:10" ht="7.5" customHeight="1" x14ac:dyDescent="0.15">
      <c r="B202" s="127"/>
      <c r="C202" s="262"/>
      <c r="D202" s="262"/>
      <c r="E202" s="151"/>
      <c r="F202" s="152"/>
      <c r="G202" s="368"/>
      <c r="H202" s="152"/>
      <c r="I202" s="154"/>
      <c r="J202" s="132"/>
    </row>
    <row r="203" spans="2:10" ht="14.25" customHeight="1" x14ac:dyDescent="0.15">
      <c r="E203" s="113"/>
      <c r="I203" s="113"/>
      <c r="J203" s="113"/>
    </row>
    <row r="204" spans="2:10" ht="14.25" customHeight="1" x14ac:dyDescent="0.15">
      <c r="E204" s="113"/>
      <c r="I204" s="113"/>
      <c r="J204" s="113"/>
    </row>
    <row r="205" spans="2:10" ht="14.25" customHeight="1" x14ac:dyDescent="0.15">
      <c r="E205" s="258"/>
      <c r="J205" s="114"/>
    </row>
    <row r="206" spans="2:10" ht="14.25" customHeight="1" x14ac:dyDescent="0.15"/>
  </sheetData>
  <mergeCells count="20">
    <mergeCell ref="J135:J137"/>
    <mergeCell ref="J4:J6"/>
    <mergeCell ref="C24:D24"/>
    <mergeCell ref="J30:J32"/>
    <mergeCell ref="J55:J57"/>
    <mergeCell ref="C80:D80"/>
    <mergeCell ref="B82:J82"/>
    <mergeCell ref="J86:J88"/>
    <mergeCell ref="C102:D102"/>
    <mergeCell ref="B104:J104"/>
    <mergeCell ref="J108:J110"/>
    <mergeCell ref="J124:J126"/>
    <mergeCell ref="J192:J194"/>
    <mergeCell ref="C201:D201"/>
    <mergeCell ref="C146:D146"/>
    <mergeCell ref="J151:J153"/>
    <mergeCell ref="J162:J164"/>
    <mergeCell ref="C171:D171"/>
    <mergeCell ref="J177:J179"/>
    <mergeCell ref="C186:D186"/>
  </mergeCells>
  <phoneticPr fontId="3"/>
  <pageMargins left="0.78740157480314965" right="0.78740157480314965" top="0.78740157480314965" bottom="0.59055118110236227" header="0.31496062992125984" footer="0.19685039370078741"/>
  <pageSetup paperSize="9" firstPageNumber="4" fitToHeight="0" orientation="portrait" useFirstPageNumber="1" r:id="rId1"/>
  <headerFooter alignWithMargins="0">
    <oddFooter>&amp;C&amp;"ＭＳ ゴシック,標準"&amp;P</oddFooter>
  </headerFooter>
  <rowBreaks count="4" manualBreakCount="4">
    <brk id="53" max="10" man="1"/>
    <brk id="105" max="10" man="1"/>
    <brk id="158" max="10" man="1"/>
    <brk id="216" min="2" max="12"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60014A-2653-4D44-B913-9C368C52978B}">
  <dimension ref="B2:J193"/>
  <sheetViews>
    <sheetView view="pageBreakPreview" zoomScale="108" zoomScaleNormal="85" zoomScaleSheetLayoutView="108" workbookViewId="0"/>
  </sheetViews>
  <sheetFormatPr defaultColWidth="9" defaultRowHeight="13.5" x14ac:dyDescent="0.15"/>
  <cols>
    <col min="1" max="2" width="1.5" style="113" customWidth="1"/>
    <col min="3" max="3" width="20.5" style="113" customWidth="1"/>
    <col min="4" max="4" width="14.5" style="113" customWidth="1"/>
    <col min="5" max="5" width="11.125" style="113" bestFit="1" customWidth="1"/>
    <col min="6" max="7" width="5.875" style="113" customWidth="1"/>
    <col min="8" max="8" width="7.75" style="113" customWidth="1"/>
    <col min="9" max="9" width="9.25" style="113" bestFit="1" customWidth="1"/>
    <col min="10" max="10" width="9.125" style="113" customWidth="1"/>
    <col min="11" max="16384" width="9" style="113"/>
  </cols>
  <sheetData>
    <row r="2" spans="2:10" ht="7.5" customHeight="1" x14ac:dyDescent="0.15"/>
    <row r="3" spans="2:10" x14ac:dyDescent="0.15">
      <c r="B3" s="113" t="s">
        <v>247</v>
      </c>
      <c r="E3" s="114"/>
      <c r="I3" s="234"/>
      <c r="J3" s="235"/>
    </row>
    <row r="4" spans="2:10" ht="7.5" customHeight="1" x14ac:dyDescent="0.15">
      <c r="B4" s="115"/>
      <c r="C4" s="116"/>
      <c r="D4" s="116"/>
      <c r="E4" s="171"/>
      <c r="F4" s="236"/>
      <c r="G4" s="236"/>
      <c r="H4" s="236"/>
      <c r="I4" s="236"/>
      <c r="J4" s="237"/>
    </row>
    <row r="5" spans="2:10" ht="14.25" customHeight="1" x14ac:dyDescent="0.15">
      <c r="B5" s="119"/>
      <c r="E5" s="121"/>
      <c r="F5" s="94" t="s">
        <v>111</v>
      </c>
      <c r="G5" s="239"/>
      <c r="H5" s="239"/>
      <c r="I5" s="18">
        <v>45687</v>
      </c>
      <c r="J5" s="371" t="s">
        <v>4</v>
      </c>
    </row>
    <row r="6" spans="2:10" ht="14.25" customHeight="1" x14ac:dyDescent="0.15">
      <c r="B6" s="119"/>
      <c r="C6" s="113" t="s">
        <v>5</v>
      </c>
      <c r="D6" s="113" t="s">
        <v>143</v>
      </c>
      <c r="E6" s="122" t="s">
        <v>132</v>
      </c>
      <c r="F6" s="241" t="s">
        <v>112</v>
      </c>
      <c r="G6" s="241" t="s">
        <v>112</v>
      </c>
      <c r="H6" s="242" t="s">
        <v>113</v>
      </c>
      <c r="I6" s="126" t="s">
        <v>8</v>
      </c>
      <c r="J6" s="372"/>
    </row>
    <row r="7" spans="2:10" ht="14.25" customHeight="1" x14ac:dyDescent="0.15">
      <c r="B7" s="119"/>
      <c r="C7" s="124"/>
      <c r="D7" s="124"/>
      <c r="E7" s="126" t="s">
        <v>133</v>
      </c>
      <c r="F7" s="243" t="s">
        <v>116</v>
      </c>
      <c r="G7" s="243" t="s">
        <v>117</v>
      </c>
      <c r="H7" s="126" t="s">
        <v>11</v>
      </c>
      <c r="I7" s="126" t="s">
        <v>12</v>
      </c>
      <c r="J7" s="372"/>
    </row>
    <row r="8" spans="2:10" ht="7.5" customHeight="1" x14ac:dyDescent="0.15">
      <c r="B8" s="127"/>
      <c r="C8" s="244"/>
      <c r="D8" s="244"/>
      <c r="E8" s="246"/>
      <c r="F8" s="247"/>
      <c r="G8" s="247"/>
      <c r="H8" s="247"/>
      <c r="I8" s="247"/>
      <c r="J8" s="248"/>
    </row>
    <row r="9" spans="2:10" ht="7.5" customHeight="1" x14ac:dyDescent="0.15">
      <c r="B9" s="115"/>
      <c r="C9" s="124"/>
      <c r="D9" s="124"/>
      <c r="E9" s="187"/>
      <c r="F9" s="124"/>
      <c r="G9" s="124"/>
      <c r="H9" s="124"/>
      <c r="I9" s="125"/>
      <c r="J9" s="250"/>
    </row>
    <row r="10" spans="2:10" ht="14.25" customHeight="1" x14ac:dyDescent="0.15">
      <c r="B10" s="119"/>
      <c r="C10" s="113" t="s">
        <v>146</v>
      </c>
      <c r="D10" s="286" t="s">
        <v>271</v>
      </c>
      <c r="E10" s="140">
        <v>119</v>
      </c>
      <c r="F10" s="287" t="s">
        <v>128</v>
      </c>
      <c r="G10" s="287" t="s">
        <v>128</v>
      </c>
      <c r="H10" s="288">
        <v>213</v>
      </c>
      <c r="I10" s="137">
        <v>1.79</v>
      </c>
      <c r="J10" s="289">
        <v>1.82</v>
      </c>
    </row>
    <row r="11" spans="2:10" ht="14.25" customHeight="1" x14ac:dyDescent="0.15">
      <c r="B11" s="119"/>
      <c r="C11" s="113" t="s">
        <v>171</v>
      </c>
      <c r="D11" s="286" t="s">
        <v>272</v>
      </c>
      <c r="E11" s="140">
        <v>89</v>
      </c>
      <c r="F11" s="287" t="s">
        <v>128</v>
      </c>
      <c r="G11" s="287" t="s">
        <v>128</v>
      </c>
      <c r="H11" s="288">
        <v>128</v>
      </c>
      <c r="I11" s="137">
        <v>1.44</v>
      </c>
      <c r="J11" s="289">
        <v>1.28</v>
      </c>
    </row>
    <row r="12" spans="2:10" ht="14.25" customHeight="1" x14ac:dyDescent="0.15">
      <c r="B12" s="119"/>
      <c r="D12" s="222" t="s">
        <v>273</v>
      </c>
      <c r="E12" s="290">
        <v>208</v>
      </c>
      <c r="F12" s="291" t="s">
        <v>128</v>
      </c>
      <c r="G12" s="291" t="s">
        <v>128</v>
      </c>
      <c r="H12" s="292">
        <v>341</v>
      </c>
      <c r="I12" s="260">
        <v>1.64</v>
      </c>
      <c r="J12" s="293">
        <v>1.59</v>
      </c>
    </row>
    <row r="13" spans="2:10" ht="21.6" customHeight="1" x14ac:dyDescent="0.15">
      <c r="B13" s="119"/>
      <c r="C13" s="113" t="s">
        <v>274</v>
      </c>
      <c r="D13" s="113" t="s">
        <v>275</v>
      </c>
      <c r="E13" s="140">
        <v>278</v>
      </c>
      <c r="F13" s="287" t="s">
        <v>128</v>
      </c>
      <c r="G13" s="287" t="s">
        <v>128</v>
      </c>
      <c r="H13" s="288">
        <v>233</v>
      </c>
      <c r="I13" s="137">
        <v>0.84</v>
      </c>
      <c r="J13" s="289">
        <v>1</v>
      </c>
    </row>
    <row r="14" spans="2:10" ht="14.25" customHeight="1" x14ac:dyDescent="0.15">
      <c r="B14" s="119"/>
      <c r="C14" s="113" t="s">
        <v>276</v>
      </c>
      <c r="D14" s="113" t="s">
        <v>275</v>
      </c>
      <c r="E14" s="140">
        <v>270</v>
      </c>
      <c r="F14" s="287" t="s">
        <v>128</v>
      </c>
      <c r="G14" s="287" t="s">
        <v>128</v>
      </c>
      <c r="H14" s="288">
        <v>180</v>
      </c>
      <c r="I14" s="137">
        <v>0.67</v>
      </c>
      <c r="J14" s="289">
        <v>0.9</v>
      </c>
    </row>
    <row r="15" spans="2:10" ht="14.25" customHeight="1" x14ac:dyDescent="0.15">
      <c r="B15" s="119"/>
      <c r="C15" s="113" t="s">
        <v>277</v>
      </c>
      <c r="D15" s="113" t="s">
        <v>275</v>
      </c>
      <c r="E15" s="140">
        <v>305</v>
      </c>
      <c r="F15" s="287" t="s">
        <v>128</v>
      </c>
      <c r="G15" s="287" t="s">
        <v>128</v>
      </c>
      <c r="H15" s="288">
        <v>346</v>
      </c>
      <c r="I15" s="137">
        <v>1.1299999999999999</v>
      </c>
      <c r="J15" s="289">
        <v>1.4</v>
      </c>
    </row>
    <row r="16" spans="2:10" ht="14.25" customHeight="1" x14ac:dyDescent="0.15">
      <c r="B16" s="119"/>
      <c r="C16" s="113" t="s">
        <v>278</v>
      </c>
      <c r="D16" s="113" t="s">
        <v>275</v>
      </c>
      <c r="E16" s="140">
        <v>318</v>
      </c>
      <c r="F16" s="287" t="s">
        <v>128</v>
      </c>
      <c r="G16" s="287" t="s">
        <v>128</v>
      </c>
      <c r="H16" s="288">
        <v>370</v>
      </c>
      <c r="I16" s="137">
        <v>1.1599999999999999</v>
      </c>
      <c r="J16" s="289">
        <v>1.25</v>
      </c>
    </row>
    <row r="17" spans="2:10" ht="14.25" customHeight="1" x14ac:dyDescent="0.15">
      <c r="B17" s="119"/>
      <c r="C17" s="113" t="s">
        <v>252</v>
      </c>
      <c r="D17" s="113" t="s">
        <v>275</v>
      </c>
      <c r="E17" s="140">
        <v>222</v>
      </c>
      <c r="F17" s="287" t="s">
        <v>128</v>
      </c>
      <c r="G17" s="287" t="s">
        <v>128</v>
      </c>
      <c r="H17" s="288">
        <v>299</v>
      </c>
      <c r="I17" s="137">
        <v>1.35</v>
      </c>
      <c r="J17" s="289">
        <v>1.25</v>
      </c>
    </row>
    <row r="18" spans="2:10" ht="14.25" customHeight="1" x14ac:dyDescent="0.15">
      <c r="B18" s="119"/>
      <c r="C18" s="113" t="s">
        <v>279</v>
      </c>
      <c r="D18" s="113" t="s">
        <v>275</v>
      </c>
      <c r="E18" s="140">
        <v>225</v>
      </c>
      <c r="F18" s="287" t="s">
        <v>128</v>
      </c>
      <c r="G18" s="287" t="s">
        <v>128</v>
      </c>
      <c r="H18" s="288">
        <v>141</v>
      </c>
      <c r="I18" s="137">
        <v>0.63</v>
      </c>
      <c r="J18" s="289">
        <v>0.72</v>
      </c>
    </row>
    <row r="19" spans="2:10" ht="14.25" customHeight="1" x14ac:dyDescent="0.15">
      <c r="B19" s="119"/>
      <c r="C19" s="113" t="s">
        <v>280</v>
      </c>
      <c r="D19" s="113" t="s">
        <v>275</v>
      </c>
      <c r="E19" s="140">
        <v>198</v>
      </c>
      <c r="F19" s="287" t="s">
        <v>128</v>
      </c>
      <c r="G19" s="287" t="s">
        <v>128</v>
      </c>
      <c r="H19" s="288">
        <v>83</v>
      </c>
      <c r="I19" s="137">
        <v>0.42</v>
      </c>
      <c r="J19" s="289">
        <v>0.69</v>
      </c>
    </row>
    <row r="20" spans="2:10" ht="14.25" customHeight="1" x14ac:dyDescent="0.15">
      <c r="B20" s="119"/>
      <c r="C20" s="113" t="s">
        <v>281</v>
      </c>
      <c r="D20" s="113" t="s">
        <v>275</v>
      </c>
      <c r="E20" s="140">
        <v>278</v>
      </c>
      <c r="F20" s="287" t="s">
        <v>128</v>
      </c>
      <c r="G20" s="287" t="s">
        <v>128</v>
      </c>
      <c r="H20" s="288">
        <v>296</v>
      </c>
      <c r="I20" s="137">
        <v>1.06</v>
      </c>
      <c r="J20" s="289">
        <v>1.2</v>
      </c>
    </row>
    <row r="21" spans="2:10" ht="14.25" customHeight="1" x14ac:dyDescent="0.15">
      <c r="B21" s="119"/>
      <c r="C21" s="113" t="s">
        <v>282</v>
      </c>
      <c r="D21" s="113" t="s">
        <v>275</v>
      </c>
      <c r="E21" s="140">
        <v>238</v>
      </c>
      <c r="F21" s="287" t="s">
        <v>128</v>
      </c>
      <c r="G21" s="287" t="s">
        <v>128</v>
      </c>
      <c r="H21" s="288">
        <v>167</v>
      </c>
      <c r="I21" s="137">
        <v>0.7</v>
      </c>
      <c r="J21" s="289">
        <v>0.82</v>
      </c>
    </row>
    <row r="22" spans="2:10" ht="14.25" customHeight="1" x14ac:dyDescent="0.15">
      <c r="B22" s="119"/>
      <c r="C22" s="113" t="s">
        <v>283</v>
      </c>
      <c r="D22" s="113" t="s">
        <v>275</v>
      </c>
      <c r="E22" s="140">
        <v>319</v>
      </c>
      <c r="F22" s="287" t="s">
        <v>128</v>
      </c>
      <c r="G22" s="287" t="s">
        <v>128</v>
      </c>
      <c r="H22" s="288">
        <v>363</v>
      </c>
      <c r="I22" s="137">
        <v>1.1399999999999999</v>
      </c>
      <c r="J22" s="289">
        <v>1.28</v>
      </c>
    </row>
    <row r="23" spans="2:10" ht="14.25" customHeight="1" x14ac:dyDescent="0.15">
      <c r="B23" s="119"/>
      <c r="C23" s="113" t="s">
        <v>284</v>
      </c>
      <c r="D23" s="113" t="s">
        <v>275</v>
      </c>
      <c r="E23" s="140">
        <v>230</v>
      </c>
      <c r="F23" s="287" t="s">
        <v>128</v>
      </c>
      <c r="G23" s="287" t="s">
        <v>128</v>
      </c>
      <c r="H23" s="288">
        <v>227</v>
      </c>
      <c r="I23" s="137">
        <v>0.99</v>
      </c>
      <c r="J23" s="289">
        <v>0.79</v>
      </c>
    </row>
    <row r="24" spans="2:10" ht="14.25" customHeight="1" x14ac:dyDescent="0.15">
      <c r="B24" s="119"/>
      <c r="C24" s="113" t="s">
        <v>285</v>
      </c>
      <c r="D24" s="113" t="s">
        <v>275</v>
      </c>
      <c r="E24" s="140">
        <v>278</v>
      </c>
      <c r="F24" s="287" t="s">
        <v>128</v>
      </c>
      <c r="G24" s="287" t="s">
        <v>128</v>
      </c>
      <c r="H24" s="288">
        <v>255</v>
      </c>
      <c r="I24" s="137">
        <v>0.92</v>
      </c>
      <c r="J24" s="289">
        <v>1.01</v>
      </c>
    </row>
    <row r="25" spans="2:10" ht="14.25" customHeight="1" x14ac:dyDescent="0.15">
      <c r="B25" s="119"/>
      <c r="C25" s="113" t="s">
        <v>286</v>
      </c>
      <c r="D25" s="113" t="s">
        <v>275</v>
      </c>
      <c r="E25" s="140">
        <v>183</v>
      </c>
      <c r="F25" s="287" t="s">
        <v>128</v>
      </c>
      <c r="G25" s="287" t="s">
        <v>128</v>
      </c>
      <c r="H25" s="288">
        <v>194</v>
      </c>
      <c r="I25" s="137">
        <v>1.06</v>
      </c>
      <c r="J25" s="289">
        <v>1.5</v>
      </c>
    </row>
    <row r="26" spans="2:10" ht="21.75" customHeight="1" x14ac:dyDescent="0.15">
      <c r="B26" s="119"/>
      <c r="C26" s="113" t="s">
        <v>160</v>
      </c>
      <c r="D26" s="113" t="s">
        <v>275</v>
      </c>
      <c r="E26" s="140">
        <v>268</v>
      </c>
      <c r="F26" s="287">
        <v>295</v>
      </c>
      <c r="G26" s="287">
        <v>15</v>
      </c>
      <c r="H26" s="288">
        <v>310</v>
      </c>
      <c r="I26" s="137">
        <v>1.1599999999999999</v>
      </c>
      <c r="J26" s="289">
        <v>1.46</v>
      </c>
    </row>
    <row r="27" spans="2:10" ht="14.25" customHeight="1" x14ac:dyDescent="0.15">
      <c r="B27" s="119"/>
      <c r="C27" s="113" t="s">
        <v>287</v>
      </c>
      <c r="D27" s="294" t="s">
        <v>288</v>
      </c>
      <c r="E27" s="140">
        <v>279</v>
      </c>
      <c r="F27" s="287">
        <v>324</v>
      </c>
      <c r="G27" s="287">
        <v>24</v>
      </c>
      <c r="H27" s="288">
        <v>348</v>
      </c>
      <c r="I27" s="137">
        <v>1.25</v>
      </c>
      <c r="J27" s="289">
        <v>1.03</v>
      </c>
    </row>
    <row r="28" spans="2:10" ht="7.5" customHeight="1" x14ac:dyDescent="0.15">
      <c r="B28" s="119"/>
      <c r="E28" s="140"/>
      <c r="F28" s="288"/>
      <c r="G28" s="295"/>
      <c r="H28" s="251"/>
      <c r="I28" s="137"/>
      <c r="J28" s="253"/>
    </row>
    <row r="29" spans="2:10" ht="7.5" customHeight="1" x14ac:dyDescent="0.15">
      <c r="B29" s="142"/>
      <c r="C29" s="143"/>
      <c r="D29" s="143"/>
      <c r="E29" s="145"/>
      <c r="F29" s="296"/>
      <c r="G29" s="297"/>
      <c r="H29" s="298"/>
      <c r="I29" s="147"/>
      <c r="J29" s="257"/>
    </row>
    <row r="30" spans="2:10" ht="14.25" customHeight="1" x14ac:dyDescent="0.15">
      <c r="B30" s="119"/>
      <c r="C30" s="374" t="s">
        <v>138</v>
      </c>
      <c r="D30" s="375"/>
      <c r="E30" s="290">
        <v>4097</v>
      </c>
      <c r="F30" s="291" t="s">
        <v>128</v>
      </c>
      <c r="G30" s="291" t="s">
        <v>128</v>
      </c>
      <c r="H30" s="292">
        <v>4153</v>
      </c>
      <c r="I30" s="260">
        <v>1.01</v>
      </c>
      <c r="J30" s="293">
        <v>1.1200000000000001</v>
      </c>
    </row>
    <row r="31" spans="2:10" ht="7.5" customHeight="1" x14ac:dyDescent="0.15">
      <c r="B31" s="127"/>
      <c r="C31" s="128"/>
      <c r="D31" s="128"/>
      <c r="E31" s="151"/>
      <c r="F31" s="299"/>
      <c r="G31" s="300"/>
      <c r="H31" s="301"/>
      <c r="I31" s="154"/>
      <c r="J31" s="302"/>
    </row>
    <row r="32" spans="2:10" ht="7.5" customHeight="1" x14ac:dyDescent="0.15">
      <c r="C32" s="124"/>
      <c r="D32" s="124"/>
      <c r="E32" s="303"/>
      <c r="F32" s="124"/>
      <c r="G32" s="124"/>
      <c r="H32" s="124"/>
      <c r="I32" s="124"/>
      <c r="J32" s="304"/>
    </row>
    <row r="33" spans="2:10" x14ac:dyDescent="0.15">
      <c r="B33" s="113" t="s">
        <v>289</v>
      </c>
      <c r="E33" s="114"/>
      <c r="I33" s="234"/>
      <c r="J33" s="235"/>
    </row>
    <row r="34" spans="2:10" ht="7.5" customHeight="1" x14ac:dyDescent="0.15">
      <c r="B34" s="115"/>
      <c r="C34" s="116"/>
      <c r="D34" s="116"/>
      <c r="E34" s="171"/>
      <c r="F34" s="236"/>
      <c r="G34" s="236"/>
      <c r="H34" s="236"/>
      <c r="I34" s="236"/>
      <c r="J34" s="237"/>
    </row>
    <row r="35" spans="2:10" ht="14.25" customHeight="1" x14ac:dyDescent="0.15">
      <c r="B35" s="119"/>
      <c r="E35" s="121"/>
      <c r="F35" s="16">
        <v>45687</v>
      </c>
      <c r="G35" s="17"/>
      <c r="H35" s="17"/>
      <c r="I35" s="16">
        <v>45687</v>
      </c>
      <c r="J35" s="371" t="s">
        <v>4</v>
      </c>
    </row>
    <row r="36" spans="2:10" ht="14.25" customHeight="1" x14ac:dyDescent="0.15">
      <c r="B36" s="119"/>
      <c r="C36" s="113" t="s">
        <v>5</v>
      </c>
      <c r="D36" s="113" t="s">
        <v>143</v>
      </c>
      <c r="E36" s="122" t="s">
        <v>132</v>
      </c>
      <c r="F36" s="22" t="s">
        <v>7</v>
      </c>
      <c r="G36" s="22"/>
      <c r="H36" s="22"/>
      <c r="I36" s="23" t="s">
        <v>8</v>
      </c>
      <c r="J36" s="372"/>
    </row>
    <row r="37" spans="2:10" ht="14.25" customHeight="1" x14ac:dyDescent="0.15">
      <c r="B37" s="119"/>
      <c r="C37" s="124"/>
      <c r="D37" s="124"/>
      <c r="E37" s="126" t="s">
        <v>133</v>
      </c>
      <c r="F37" s="25" t="s">
        <v>11</v>
      </c>
      <c r="G37" s="26"/>
      <c r="H37" s="27"/>
      <c r="I37" s="23" t="s">
        <v>12</v>
      </c>
      <c r="J37" s="372"/>
    </row>
    <row r="38" spans="2:10" ht="7.5" customHeight="1" x14ac:dyDescent="0.15">
      <c r="B38" s="127"/>
      <c r="C38" s="244"/>
      <c r="D38" s="244"/>
      <c r="E38" s="31"/>
      <c r="F38" s="32"/>
      <c r="G38" s="30"/>
      <c r="H38" s="33"/>
      <c r="I38" s="34"/>
      <c r="J38" s="35"/>
    </row>
    <row r="39" spans="2:10" ht="7.5" customHeight="1" x14ac:dyDescent="0.15">
      <c r="B39" s="115"/>
      <c r="C39" s="124"/>
      <c r="D39" s="124"/>
      <c r="E39" s="187"/>
      <c r="F39" s="124"/>
      <c r="G39" s="124"/>
      <c r="H39" s="305"/>
      <c r="I39" s="125"/>
      <c r="J39" s="306"/>
    </row>
    <row r="40" spans="2:10" ht="14.25" customHeight="1" x14ac:dyDescent="0.15">
      <c r="B40" s="119"/>
      <c r="C40" s="113" t="s">
        <v>287</v>
      </c>
      <c r="D40" s="294" t="s">
        <v>290</v>
      </c>
      <c r="E40" s="140">
        <v>39</v>
      </c>
      <c r="F40" s="288"/>
      <c r="G40" s="295"/>
      <c r="H40" s="288">
        <v>46</v>
      </c>
      <c r="I40" s="137">
        <v>1.18</v>
      </c>
      <c r="J40" s="289">
        <v>1.1299999999999999</v>
      </c>
    </row>
    <row r="41" spans="2:10" ht="7.5" customHeight="1" x14ac:dyDescent="0.15">
      <c r="B41" s="119"/>
      <c r="E41" s="140"/>
      <c r="F41" s="288"/>
      <c r="G41" s="295"/>
      <c r="H41" s="251"/>
      <c r="I41" s="137"/>
      <c r="J41" s="253"/>
    </row>
    <row r="42" spans="2:10" ht="14.25" customHeight="1" x14ac:dyDescent="0.15">
      <c r="B42" s="116"/>
      <c r="C42" s="236"/>
      <c r="D42" s="236"/>
      <c r="E42" s="171"/>
      <c r="F42" s="236"/>
      <c r="G42" s="236"/>
      <c r="H42" s="236"/>
      <c r="I42" s="236"/>
      <c r="J42" s="307"/>
    </row>
    <row r="43" spans="2:10" ht="7.5" customHeight="1" x14ac:dyDescent="0.15">
      <c r="C43" s="124"/>
      <c r="D43" s="124"/>
      <c r="E43" s="303"/>
      <c r="F43" s="124"/>
      <c r="G43" s="124"/>
      <c r="H43" s="124"/>
      <c r="I43" s="124"/>
      <c r="J43" s="304"/>
    </row>
    <row r="44" spans="2:10" x14ac:dyDescent="0.15">
      <c r="B44" s="113" t="s">
        <v>291</v>
      </c>
      <c r="E44" s="114"/>
      <c r="I44" s="234"/>
      <c r="J44" s="235"/>
    </row>
    <row r="45" spans="2:10" ht="7.5" customHeight="1" x14ac:dyDescent="0.15">
      <c r="B45" s="115"/>
      <c r="C45" s="116"/>
      <c r="D45" s="116"/>
      <c r="E45" s="171"/>
      <c r="F45" s="236"/>
      <c r="G45" s="236"/>
      <c r="H45" s="236"/>
      <c r="I45" s="236"/>
      <c r="J45" s="237"/>
    </row>
    <row r="46" spans="2:10" ht="14.25" customHeight="1" x14ac:dyDescent="0.15">
      <c r="B46" s="119"/>
      <c r="E46" s="121"/>
      <c r="F46" s="94" t="s">
        <v>256</v>
      </c>
      <c r="G46" s="239"/>
      <c r="H46" s="239"/>
      <c r="I46" s="16">
        <v>45687</v>
      </c>
      <c r="J46" s="371" t="s">
        <v>4</v>
      </c>
    </row>
    <row r="47" spans="2:10" ht="14.25" customHeight="1" x14ac:dyDescent="0.15">
      <c r="B47" s="119"/>
      <c r="C47" s="113" t="s">
        <v>5</v>
      </c>
      <c r="D47" s="113" t="s">
        <v>239</v>
      </c>
      <c r="E47" s="122" t="s">
        <v>132</v>
      </c>
      <c r="F47" s="241" t="s">
        <v>112</v>
      </c>
      <c r="G47" s="241" t="s">
        <v>112</v>
      </c>
      <c r="H47" s="242" t="s">
        <v>292</v>
      </c>
      <c r="I47" s="126" t="s">
        <v>8</v>
      </c>
      <c r="J47" s="372"/>
    </row>
    <row r="48" spans="2:10" ht="14.25" customHeight="1" x14ac:dyDescent="0.15">
      <c r="B48" s="119"/>
      <c r="C48" s="124"/>
      <c r="D48" s="124"/>
      <c r="E48" s="126" t="s">
        <v>133</v>
      </c>
      <c r="F48" s="243" t="s">
        <v>116</v>
      </c>
      <c r="G48" s="243" t="s">
        <v>117</v>
      </c>
      <c r="H48" s="126" t="s">
        <v>11</v>
      </c>
      <c r="I48" s="126" t="s">
        <v>12</v>
      </c>
      <c r="J48" s="372"/>
    </row>
    <row r="49" spans="2:10" ht="7.5" customHeight="1" x14ac:dyDescent="0.15">
      <c r="B49" s="127"/>
      <c r="C49" s="244"/>
      <c r="D49" s="244"/>
      <c r="E49" s="246"/>
      <c r="F49" s="247"/>
      <c r="G49" s="247"/>
      <c r="H49" s="247"/>
      <c r="I49" s="247"/>
      <c r="J49" s="248"/>
    </row>
    <row r="50" spans="2:10" ht="7.5" customHeight="1" x14ac:dyDescent="0.15">
      <c r="B50" s="115"/>
      <c r="C50" s="124"/>
      <c r="D50" s="124"/>
      <c r="E50" s="187"/>
      <c r="F50" s="124"/>
      <c r="G50" s="124"/>
      <c r="H50" s="124"/>
      <c r="I50" s="125"/>
      <c r="J50" s="250"/>
    </row>
    <row r="51" spans="2:10" ht="14.25" customHeight="1" x14ac:dyDescent="0.15">
      <c r="B51" s="119"/>
      <c r="C51" s="113" t="s">
        <v>293</v>
      </c>
      <c r="D51" s="113" t="s">
        <v>294</v>
      </c>
      <c r="E51" s="140">
        <v>259</v>
      </c>
      <c r="F51" s="287" t="s">
        <v>128</v>
      </c>
      <c r="G51" s="287" t="s">
        <v>128</v>
      </c>
      <c r="H51" s="288">
        <v>308</v>
      </c>
      <c r="I51" s="137">
        <v>1.19</v>
      </c>
      <c r="J51" s="289">
        <v>1.1399999999999999</v>
      </c>
    </row>
    <row r="52" spans="2:10" ht="14.25" customHeight="1" x14ac:dyDescent="0.15">
      <c r="B52" s="119"/>
      <c r="C52" s="113" t="s">
        <v>295</v>
      </c>
      <c r="D52" s="113" t="s">
        <v>294</v>
      </c>
      <c r="E52" s="140">
        <v>278</v>
      </c>
      <c r="F52" s="287" t="s">
        <v>128</v>
      </c>
      <c r="G52" s="287" t="s">
        <v>128</v>
      </c>
      <c r="H52" s="288">
        <v>311</v>
      </c>
      <c r="I52" s="137">
        <v>1.1200000000000001</v>
      </c>
      <c r="J52" s="289">
        <v>1.27</v>
      </c>
    </row>
    <row r="53" spans="2:10" ht="14.25" customHeight="1" x14ac:dyDescent="0.15">
      <c r="B53" s="119"/>
      <c r="C53" s="113" t="s">
        <v>296</v>
      </c>
      <c r="D53" s="113" t="s">
        <v>294</v>
      </c>
      <c r="E53" s="140">
        <v>268</v>
      </c>
      <c r="F53" s="287" t="s">
        <v>128</v>
      </c>
      <c r="G53" s="287" t="s">
        <v>128</v>
      </c>
      <c r="H53" s="288">
        <v>325</v>
      </c>
      <c r="I53" s="137">
        <v>1.21</v>
      </c>
      <c r="J53" s="289">
        <v>1.2</v>
      </c>
    </row>
    <row r="54" spans="2:10" ht="14.25" customHeight="1" x14ac:dyDescent="0.15">
      <c r="B54" s="119"/>
      <c r="C54" s="113" t="s">
        <v>297</v>
      </c>
      <c r="D54" s="113" t="s">
        <v>294</v>
      </c>
      <c r="E54" s="140">
        <v>238</v>
      </c>
      <c r="F54" s="287" t="s">
        <v>128</v>
      </c>
      <c r="G54" s="287" t="s">
        <v>128</v>
      </c>
      <c r="H54" s="288">
        <v>202</v>
      </c>
      <c r="I54" s="137">
        <v>0.85</v>
      </c>
      <c r="J54" s="289">
        <v>1.02</v>
      </c>
    </row>
    <row r="55" spans="2:10" ht="14.25" customHeight="1" x14ac:dyDescent="0.15">
      <c r="B55" s="119"/>
      <c r="C55" s="113" t="s">
        <v>184</v>
      </c>
      <c r="D55" s="113" t="s">
        <v>294</v>
      </c>
      <c r="E55" s="140">
        <v>264</v>
      </c>
      <c r="F55" s="287" t="s">
        <v>128</v>
      </c>
      <c r="G55" s="287" t="s">
        <v>128</v>
      </c>
      <c r="H55" s="288">
        <v>252</v>
      </c>
      <c r="I55" s="137">
        <v>0.95</v>
      </c>
      <c r="J55" s="289">
        <v>1.25</v>
      </c>
    </row>
    <row r="56" spans="2:10" ht="21.75" customHeight="1" x14ac:dyDescent="0.15">
      <c r="B56" s="119"/>
      <c r="C56" s="113" t="s">
        <v>298</v>
      </c>
      <c r="D56" s="113" t="s">
        <v>166</v>
      </c>
      <c r="E56" s="140">
        <v>232</v>
      </c>
      <c r="F56" s="287">
        <v>231</v>
      </c>
      <c r="G56" s="287">
        <v>20</v>
      </c>
      <c r="H56" s="288">
        <v>251</v>
      </c>
      <c r="I56" s="137">
        <v>1.08</v>
      </c>
      <c r="J56" s="289">
        <v>1.24</v>
      </c>
    </row>
    <row r="57" spans="2:10" ht="14.25" customHeight="1" x14ac:dyDescent="0.15">
      <c r="B57" s="119"/>
      <c r="C57" s="230" t="s">
        <v>299</v>
      </c>
      <c r="D57" s="113" t="s">
        <v>166</v>
      </c>
      <c r="E57" s="140">
        <v>320</v>
      </c>
      <c r="F57" s="287" t="s">
        <v>128</v>
      </c>
      <c r="G57" s="287" t="s">
        <v>128</v>
      </c>
      <c r="H57" s="288">
        <v>376</v>
      </c>
      <c r="I57" s="137">
        <v>1.18</v>
      </c>
      <c r="J57" s="289">
        <v>1.35</v>
      </c>
    </row>
    <row r="58" spans="2:10" ht="7.5" customHeight="1" x14ac:dyDescent="0.15">
      <c r="B58" s="119"/>
      <c r="E58" s="140"/>
      <c r="F58" s="288"/>
      <c r="G58" s="295"/>
      <c r="H58" s="251"/>
      <c r="I58" s="137"/>
      <c r="J58" s="253"/>
    </row>
    <row r="59" spans="2:10" ht="7.5" customHeight="1" x14ac:dyDescent="0.15">
      <c r="B59" s="142"/>
      <c r="C59" s="143"/>
      <c r="D59" s="143"/>
      <c r="E59" s="145"/>
      <c r="F59" s="296"/>
      <c r="G59" s="297"/>
      <c r="H59" s="298"/>
      <c r="I59" s="147"/>
      <c r="J59" s="257"/>
    </row>
    <row r="60" spans="2:10" ht="14.25" customHeight="1" x14ac:dyDescent="0.15">
      <c r="B60" s="119"/>
      <c r="C60" s="374" t="s">
        <v>138</v>
      </c>
      <c r="D60" s="375"/>
      <c r="E60" s="290">
        <v>1859</v>
      </c>
      <c r="F60" s="291" t="s">
        <v>128</v>
      </c>
      <c r="G60" s="291" t="s">
        <v>128</v>
      </c>
      <c r="H60" s="292">
        <v>2025</v>
      </c>
      <c r="I60" s="260">
        <v>1.0900000000000001</v>
      </c>
      <c r="J60" s="293">
        <v>1.1499999999999999</v>
      </c>
    </row>
    <row r="61" spans="2:10" ht="7.5" customHeight="1" x14ac:dyDescent="0.15">
      <c r="B61" s="127"/>
      <c r="C61" s="128"/>
      <c r="D61" s="128"/>
      <c r="E61" s="151"/>
      <c r="F61" s="299"/>
      <c r="G61" s="300"/>
      <c r="H61" s="301"/>
      <c r="I61" s="154"/>
      <c r="J61" s="302"/>
    </row>
    <row r="62" spans="2:10" ht="14.1" customHeight="1" x14ac:dyDescent="0.15">
      <c r="B62" s="395"/>
      <c r="C62" s="395"/>
      <c r="D62" s="395"/>
      <c r="E62" s="395"/>
      <c r="F62" s="395"/>
      <c r="G62" s="395"/>
      <c r="H62" s="395"/>
      <c r="I62" s="395"/>
      <c r="J62" s="395"/>
    </row>
    <row r="63" spans="2:10" x14ac:dyDescent="0.15">
      <c r="B63" s="113" t="s">
        <v>300</v>
      </c>
      <c r="E63" s="114"/>
      <c r="I63" s="234"/>
      <c r="J63" s="235"/>
    </row>
    <row r="64" spans="2:10" ht="7.5" customHeight="1" x14ac:dyDescent="0.15">
      <c r="B64" s="115"/>
      <c r="C64" s="116"/>
      <c r="D64" s="116"/>
      <c r="E64" s="171"/>
      <c r="F64" s="236"/>
      <c r="G64" s="236"/>
      <c r="H64" s="236"/>
      <c r="I64" s="236"/>
      <c r="J64" s="237"/>
    </row>
    <row r="65" spans="2:10" ht="14.25" customHeight="1" x14ac:dyDescent="0.15">
      <c r="B65" s="119"/>
      <c r="E65" s="121"/>
      <c r="F65" s="16">
        <v>45687</v>
      </c>
      <c r="G65" s="17"/>
      <c r="H65" s="17"/>
      <c r="I65" s="16">
        <v>45687</v>
      </c>
      <c r="J65" s="371" t="s">
        <v>4</v>
      </c>
    </row>
    <row r="66" spans="2:10" ht="14.25" customHeight="1" x14ac:dyDescent="0.15">
      <c r="B66" s="119"/>
      <c r="C66" s="113" t="s">
        <v>5</v>
      </c>
      <c r="D66" s="113" t="s">
        <v>239</v>
      </c>
      <c r="E66" s="122" t="s">
        <v>132</v>
      </c>
      <c r="F66" s="22" t="s">
        <v>7</v>
      </c>
      <c r="G66" s="22"/>
      <c r="H66" s="22"/>
      <c r="I66" s="23" t="s">
        <v>8</v>
      </c>
      <c r="J66" s="372"/>
    </row>
    <row r="67" spans="2:10" ht="14.25" customHeight="1" x14ac:dyDescent="0.15">
      <c r="B67" s="119"/>
      <c r="C67" s="124"/>
      <c r="D67" s="124"/>
      <c r="E67" s="126" t="s">
        <v>133</v>
      </c>
      <c r="F67" s="25" t="s">
        <v>11</v>
      </c>
      <c r="G67" s="26"/>
      <c r="H67" s="27"/>
      <c r="I67" s="23" t="s">
        <v>12</v>
      </c>
      <c r="J67" s="372"/>
    </row>
    <row r="68" spans="2:10" ht="7.5" customHeight="1" x14ac:dyDescent="0.15">
      <c r="B68" s="127"/>
      <c r="C68" s="244"/>
      <c r="D68" s="244"/>
      <c r="E68" s="31"/>
      <c r="F68" s="32"/>
      <c r="G68" s="30"/>
      <c r="H68" s="33"/>
      <c r="I68" s="34"/>
      <c r="J68" s="35"/>
    </row>
    <row r="69" spans="2:10" ht="7.5" customHeight="1" x14ac:dyDescent="0.15">
      <c r="B69" s="115"/>
      <c r="C69" s="236"/>
      <c r="D69" s="236"/>
      <c r="E69" s="187"/>
      <c r="F69" s="236"/>
      <c r="G69" s="236"/>
      <c r="H69" s="308"/>
      <c r="I69" s="249"/>
      <c r="J69" s="306"/>
    </row>
    <row r="70" spans="2:10" ht="14.25" customHeight="1" x14ac:dyDescent="0.15">
      <c r="B70" s="119"/>
      <c r="C70" s="113" t="s">
        <v>301</v>
      </c>
      <c r="D70" s="113" t="s">
        <v>262</v>
      </c>
      <c r="E70" s="140">
        <v>158</v>
      </c>
      <c r="F70" s="288"/>
      <c r="G70" s="295"/>
      <c r="H70" s="288">
        <v>145</v>
      </c>
      <c r="I70" s="137">
        <v>0.92</v>
      </c>
      <c r="J70" s="309" t="s">
        <v>128</v>
      </c>
    </row>
    <row r="71" spans="2:10" ht="7.5" customHeight="1" x14ac:dyDescent="0.15">
      <c r="B71" s="127"/>
      <c r="C71" s="128"/>
      <c r="D71" s="128"/>
      <c r="E71" s="151"/>
      <c r="F71" s="299"/>
      <c r="G71" s="300"/>
      <c r="H71" s="301"/>
      <c r="I71" s="154"/>
      <c r="J71" s="264"/>
    </row>
    <row r="72" spans="2:10" ht="11.25" customHeight="1" x14ac:dyDescent="0.15">
      <c r="C72" s="265"/>
      <c r="D72" s="265"/>
      <c r="E72" s="265"/>
      <c r="F72" s="265"/>
      <c r="G72" s="265"/>
      <c r="H72" s="265"/>
      <c r="I72" s="265"/>
      <c r="J72" s="265"/>
    </row>
    <row r="73" spans="2:10" ht="14.25" customHeight="1" x14ac:dyDescent="0.15">
      <c r="B73" s="113" t="s">
        <v>302</v>
      </c>
      <c r="E73" s="114"/>
      <c r="I73" s="234"/>
      <c r="J73" s="235"/>
    </row>
    <row r="74" spans="2:10" ht="7.5" customHeight="1" x14ac:dyDescent="0.15">
      <c r="B74" s="115"/>
      <c r="C74" s="116"/>
      <c r="D74" s="116"/>
      <c r="E74" s="171"/>
      <c r="F74" s="236"/>
      <c r="G74" s="236"/>
      <c r="H74" s="236"/>
      <c r="I74" s="236"/>
      <c r="J74" s="237"/>
    </row>
    <row r="75" spans="2:10" ht="14.25" customHeight="1" x14ac:dyDescent="0.15">
      <c r="B75" s="119"/>
      <c r="E75" s="121"/>
      <c r="F75" s="16">
        <v>45687</v>
      </c>
      <c r="G75" s="17"/>
      <c r="H75" s="17"/>
      <c r="I75" s="16">
        <v>45687</v>
      </c>
      <c r="J75" s="371" t="s">
        <v>4</v>
      </c>
    </row>
    <row r="76" spans="2:10" ht="14.25" customHeight="1" x14ac:dyDescent="0.15">
      <c r="B76" s="119"/>
      <c r="C76" s="113" t="s">
        <v>5</v>
      </c>
      <c r="D76" s="113" t="s">
        <v>239</v>
      </c>
      <c r="E76" s="122" t="s">
        <v>132</v>
      </c>
      <c r="F76" s="22" t="s">
        <v>7</v>
      </c>
      <c r="G76" s="22"/>
      <c r="H76" s="22"/>
      <c r="I76" s="23" t="s">
        <v>8</v>
      </c>
      <c r="J76" s="372"/>
    </row>
    <row r="77" spans="2:10" ht="14.25" customHeight="1" x14ac:dyDescent="0.15">
      <c r="B77" s="119"/>
      <c r="C77" s="124"/>
      <c r="D77" s="125"/>
      <c r="E77" s="126" t="s">
        <v>133</v>
      </c>
      <c r="F77" s="25" t="s">
        <v>11</v>
      </c>
      <c r="G77" s="26"/>
      <c r="H77" s="27"/>
      <c r="I77" s="23" t="s">
        <v>12</v>
      </c>
      <c r="J77" s="372"/>
    </row>
    <row r="78" spans="2:10" ht="7.5" customHeight="1" x14ac:dyDescent="0.15">
      <c r="B78" s="127"/>
      <c r="C78" s="244"/>
      <c r="D78" s="245"/>
      <c r="E78" s="31"/>
      <c r="F78" s="32"/>
      <c r="G78" s="30"/>
      <c r="H78" s="33"/>
      <c r="I78" s="34"/>
      <c r="J78" s="35"/>
    </row>
    <row r="79" spans="2:10" ht="7.5" customHeight="1" x14ac:dyDescent="0.15">
      <c r="B79" s="119"/>
      <c r="C79" s="124"/>
      <c r="D79" s="124"/>
      <c r="E79" s="310"/>
      <c r="F79" s="124"/>
      <c r="G79" s="124"/>
      <c r="H79" s="124"/>
      <c r="I79" s="125"/>
      <c r="J79" s="311"/>
    </row>
    <row r="80" spans="2:10" ht="14.25" customHeight="1" x14ac:dyDescent="0.15">
      <c r="B80" s="119"/>
      <c r="C80" s="113" t="s">
        <v>280</v>
      </c>
      <c r="D80" s="113" t="s">
        <v>303</v>
      </c>
      <c r="E80" s="140">
        <v>38</v>
      </c>
      <c r="F80" s="288"/>
      <c r="G80" s="295"/>
      <c r="H80" s="288">
        <v>27</v>
      </c>
      <c r="I80" s="137">
        <v>0.71</v>
      </c>
      <c r="J80" s="289">
        <v>0.61</v>
      </c>
    </row>
    <row r="81" spans="2:10" s="2" customFormat="1" ht="21.75" customHeight="1" x14ac:dyDescent="0.15">
      <c r="B81" s="312"/>
      <c r="C81" s="113" t="s">
        <v>304</v>
      </c>
      <c r="D81" s="113" t="s">
        <v>303</v>
      </c>
      <c r="E81" s="140">
        <v>38</v>
      </c>
      <c r="F81" s="288"/>
      <c r="G81" s="295"/>
      <c r="H81" s="288">
        <v>28</v>
      </c>
      <c r="I81" s="137">
        <v>0.74</v>
      </c>
      <c r="J81" s="289">
        <v>0.66</v>
      </c>
    </row>
    <row r="82" spans="2:10" s="2" customFormat="1" ht="14.25" customHeight="1" x14ac:dyDescent="0.15">
      <c r="B82" s="312"/>
      <c r="C82" s="113" t="s">
        <v>171</v>
      </c>
      <c r="D82" s="113" t="s">
        <v>305</v>
      </c>
      <c r="E82" s="140">
        <v>38</v>
      </c>
      <c r="F82" s="288"/>
      <c r="G82" s="295"/>
      <c r="H82" s="288">
        <v>28</v>
      </c>
      <c r="I82" s="137">
        <v>0.74</v>
      </c>
      <c r="J82" s="289">
        <v>0.84</v>
      </c>
    </row>
    <row r="83" spans="2:10" s="2" customFormat="1" ht="14.25" customHeight="1" x14ac:dyDescent="0.15">
      <c r="B83" s="312"/>
      <c r="C83" s="113" t="s">
        <v>171</v>
      </c>
      <c r="D83" s="113" t="s">
        <v>306</v>
      </c>
      <c r="E83" s="140">
        <v>38</v>
      </c>
      <c r="F83" s="288"/>
      <c r="G83" s="295"/>
      <c r="H83" s="288">
        <v>16</v>
      </c>
      <c r="I83" s="137">
        <v>0.42</v>
      </c>
      <c r="J83" s="289">
        <v>0.55000000000000004</v>
      </c>
    </row>
    <row r="84" spans="2:10" ht="14.25" customHeight="1" x14ac:dyDescent="0.15">
      <c r="B84" s="119"/>
      <c r="D84" s="313" t="s">
        <v>152</v>
      </c>
      <c r="E84" s="290">
        <v>114</v>
      </c>
      <c r="F84" s="291"/>
      <c r="G84" s="291"/>
      <c r="H84" s="292">
        <v>72</v>
      </c>
      <c r="I84" s="260">
        <v>0.63</v>
      </c>
      <c r="J84" s="293">
        <v>0.68</v>
      </c>
    </row>
    <row r="85" spans="2:10" ht="7.5" customHeight="1" x14ac:dyDescent="0.15">
      <c r="B85" s="119"/>
      <c r="C85" s="124"/>
      <c r="D85" s="124"/>
      <c r="E85" s="310"/>
      <c r="F85" s="124"/>
      <c r="G85" s="124"/>
      <c r="H85" s="124"/>
      <c r="I85" s="125"/>
      <c r="J85" s="311"/>
    </row>
    <row r="86" spans="2:10" ht="7.5" customHeight="1" x14ac:dyDescent="0.15">
      <c r="B86" s="142"/>
      <c r="C86" s="143"/>
      <c r="D86" s="143"/>
      <c r="E86" s="145"/>
      <c r="F86" s="296"/>
      <c r="G86" s="297"/>
      <c r="H86" s="298"/>
      <c r="I86" s="147"/>
      <c r="J86" s="257"/>
    </row>
    <row r="87" spans="2:10" ht="14.25" customHeight="1" x14ac:dyDescent="0.15">
      <c r="B87" s="119"/>
      <c r="C87" s="374" t="s">
        <v>138</v>
      </c>
      <c r="D87" s="375"/>
      <c r="E87" s="290">
        <v>152</v>
      </c>
      <c r="F87" s="291"/>
      <c r="G87" s="291"/>
      <c r="H87" s="292">
        <v>99</v>
      </c>
      <c r="I87" s="260">
        <v>0.65</v>
      </c>
      <c r="J87" s="293">
        <v>0.66</v>
      </c>
    </row>
    <row r="88" spans="2:10" ht="7.5" customHeight="1" x14ac:dyDescent="0.15">
      <c r="B88" s="127"/>
      <c r="C88" s="128"/>
      <c r="D88" s="128"/>
      <c r="E88" s="151"/>
      <c r="F88" s="299"/>
      <c r="G88" s="300"/>
      <c r="H88" s="301"/>
      <c r="I88" s="154"/>
      <c r="J88" s="302"/>
    </row>
    <row r="89" spans="2:10" ht="14.25" customHeight="1" x14ac:dyDescent="0.15">
      <c r="B89" s="116"/>
      <c r="C89" s="236"/>
      <c r="D89" s="236"/>
      <c r="E89" s="171"/>
      <c r="F89" s="236"/>
      <c r="G89" s="236"/>
      <c r="H89" s="236"/>
      <c r="I89" s="236"/>
      <c r="J89" s="307"/>
    </row>
    <row r="90" spans="2:10" ht="7.5" customHeight="1" x14ac:dyDescent="0.15">
      <c r="C90" s="124"/>
      <c r="D90" s="124"/>
      <c r="E90" s="303"/>
      <c r="F90" s="124"/>
      <c r="G90" s="124"/>
      <c r="H90" s="124"/>
      <c r="I90" s="124"/>
      <c r="J90" s="304"/>
    </row>
    <row r="91" spans="2:10" ht="14.25" customHeight="1" x14ac:dyDescent="0.15">
      <c r="B91" s="113" t="s">
        <v>307</v>
      </c>
      <c r="E91" s="114"/>
      <c r="I91" s="234"/>
      <c r="J91" s="235"/>
    </row>
    <row r="92" spans="2:10" ht="7.5" customHeight="1" x14ac:dyDescent="0.15">
      <c r="B92" s="115"/>
      <c r="C92" s="116"/>
      <c r="D92" s="116"/>
      <c r="E92" s="171"/>
      <c r="F92" s="236"/>
      <c r="G92" s="236"/>
      <c r="H92" s="236"/>
      <c r="I92" s="236"/>
      <c r="J92" s="237"/>
    </row>
    <row r="93" spans="2:10" ht="14.25" customHeight="1" x14ac:dyDescent="0.15">
      <c r="B93" s="119"/>
      <c r="E93" s="121"/>
      <c r="F93" s="16">
        <v>45687</v>
      </c>
      <c r="G93" s="17"/>
      <c r="H93" s="17"/>
      <c r="I93" s="16">
        <v>45687</v>
      </c>
      <c r="J93" s="371" t="s">
        <v>4</v>
      </c>
    </row>
    <row r="94" spans="2:10" ht="14.25" customHeight="1" x14ac:dyDescent="0.15">
      <c r="B94" s="119"/>
      <c r="C94" s="113" t="s">
        <v>5</v>
      </c>
      <c r="D94" s="113" t="s">
        <v>239</v>
      </c>
      <c r="E94" s="122" t="s">
        <v>132</v>
      </c>
      <c r="F94" s="22" t="s">
        <v>7</v>
      </c>
      <c r="G94" s="22"/>
      <c r="H94" s="22"/>
      <c r="I94" s="23" t="s">
        <v>8</v>
      </c>
      <c r="J94" s="372"/>
    </row>
    <row r="95" spans="2:10" ht="14.25" customHeight="1" x14ac:dyDescent="0.15">
      <c r="B95" s="119"/>
      <c r="C95" s="124"/>
      <c r="D95" s="125"/>
      <c r="E95" s="126" t="s">
        <v>133</v>
      </c>
      <c r="F95" s="25" t="s">
        <v>11</v>
      </c>
      <c r="G95" s="26"/>
      <c r="H95" s="27"/>
      <c r="I95" s="23" t="s">
        <v>12</v>
      </c>
      <c r="J95" s="372"/>
    </row>
    <row r="96" spans="2:10" ht="7.5" customHeight="1" x14ac:dyDescent="0.15">
      <c r="B96" s="127"/>
      <c r="C96" s="244"/>
      <c r="D96" s="245"/>
      <c r="E96" s="31"/>
      <c r="F96" s="32"/>
      <c r="G96" s="30"/>
      <c r="H96" s="33"/>
      <c r="I96" s="34"/>
      <c r="J96" s="35"/>
    </row>
    <row r="97" spans="2:10" ht="7.5" customHeight="1" x14ac:dyDescent="0.15">
      <c r="B97" s="119"/>
      <c r="C97" s="124"/>
      <c r="D97" s="124"/>
      <c r="E97" s="310"/>
      <c r="F97" s="124"/>
      <c r="G97" s="124"/>
      <c r="H97" s="124"/>
      <c r="I97" s="125"/>
      <c r="J97" s="311"/>
    </row>
    <row r="98" spans="2:10" ht="14.25" customHeight="1" x14ac:dyDescent="0.15">
      <c r="B98" s="119"/>
      <c r="C98" s="113" t="s">
        <v>304</v>
      </c>
      <c r="D98" s="113" t="s">
        <v>308</v>
      </c>
      <c r="E98" s="140">
        <v>38</v>
      </c>
      <c r="F98" s="288"/>
      <c r="G98" s="295"/>
      <c r="H98" s="288">
        <v>43</v>
      </c>
      <c r="I98" s="137">
        <v>1.1299999999999999</v>
      </c>
      <c r="J98" s="289">
        <v>0.87</v>
      </c>
    </row>
    <row r="99" spans="2:10" ht="7.5" customHeight="1" x14ac:dyDescent="0.15">
      <c r="B99" s="119"/>
      <c r="C99" s="124"/>
      <c r="D99" s="124"/>
      <c r="E99" s="310"/>
      <c r="F99" s="124"/>
      <c r="G99" s="124"/>
      <c r="H99" s="124"/>
      <c r="I99" s="245"/>
      <c r="J99" s="248"/>
    </row>
    <row r="100" spans="2:10" ht="14.25" customHeight="1" x14ac:dyDescent="0.15">
      <c r="B100" s="116"/>
      <c r="C100" s="236"/>
      <c r="D100" s="236"/>
      <c r="E100" s="171"/>
      <c r="F100" s="236"/>
      <c r="G100" s="236"/>
      <c r="H100" s="236"/>
      <c r="I100" s="236"/>
      <c r="J100" s="307"/>
    </row>
    <row r="101" spans="2:10" ht="7.5" customHeight="1" x14ac:dyDescent="0.15">
      <c r="C101" s="124"/>
      <c r="D101" s="124"/>
      <c r="E101" s="303"/>
      <c r="F101" s="124"/>
      <c r="G101" s="124"/>
      <c r="H101" s="124"/>
      <c r="I101" s="124"/>
      <c r="J101" s="304"/>
    </row>
    <row r="102" spans="2:10" ht="14.25" customHeight="1" x14ac:dyDescent="0.15">
      <c r="B102" s="113" t="s">
        <v>309</v>
      </c>
      <c r="E102" s="114"/>
      <c r="I102" s="234"/>
      <c r="J102" s="235"/>
    </row>
    <row r="103" spans="2:10" ht="7.5" customHeight="1" x14ac:dyDescent="0.15">
      <c r="B103" s="115"/>
      <c r="C103" s="116"/>
      <c r="D103" s="116"/>
      <c r="E103" s="171"/>
      <c r="F103" s="236"/>
      <c r="G103" s="236"/>
      <c r="H103" s="236"/>
      <c r="I103" s="236"/>
      <c r="J103" s="237"/>
    </row>
    <row r="104" spans="2:10" ht="14.25" customHeight="1" x14ac:dyDescent="0.15">
      <c r="B104" s="119"/>
      <c r="E104" s="121"/>
      <c r="F104" s="16">
        <v>45687</v>
      </c>
      <c r="G104" s="17"/>
      <c r="H104" s="17"/>
      <c r="I104" s="16">
        <v>45687</v>
      </c>
      <c r="J104" s="371" t="s">
        <v>4</v>
      </c>
    </row>
    <row r="105" spans="2:10" ht="14.25" customHeight="1" x14ac:dyDescent="0.15">
      <c r="B105" s="119"/>
      <c r="C105" s="113" t="s">
        <v>5</v>
      </c>
      <c r="D105" s="113" t="s">
        <v>239</v>
      </c>
      <c r="E105" s="122" t="s">
        <v>132</v>
      </c>
      <c r="F105" s="22" t="s">
        <v>7</v>
      </c>
      <c r="G105" s="22"/>
      <c r="H105" s="22"/>
      <c r="I105" s="23" t="s">
        <v>8</v>
      </c>
      <c r="J105" s="372"/>
    </row>
    <row r="106" spans="2:10" ht="14.25" customHeight="1" x14ac:dyDescent="0.15">
      <c r="B106" s="119"/>
      <c r="C106" s="124"/>
      <c r="D106" s="125"/>
      <c r="E106" s="126" t="s">
        <v>133</v>
      </c>
      <c r="F106" s="25" t="s">
        <v>11</v>
      </c>
      <c r="G106" s="26"/>
      <c r="H106" s="27"/>
      <c r="I106" s="23" t="s">
        <v>12</v>
      </c>
      <c r="J106" s="372"/>
    </row>
    <row r="107" spans="2:10" ht="7.5" customHeight="1" x14ac:dyDescent="0.15">
      <c r="B107" s="127"/>
      <c r="C107" s="244"/>
      <c r="D107" s="245"/>
      <c r="E107" s="31"/>
      <c r="F107" s="32"/>
      <c r="G107" s="30"/>
      <c r="H107" s="33"/>
      <c r="I107" s="34"/>
      <c r="J107" s="35"/>
    </row>
    <row r="108" spans="2:10" ht="7.5" customHeight="1" x14ac:dyDescent="0.15">
      <c r="B108" s="119"/>
      <c r="C108" s="124"/>
      <c r="D108" s="124"/>
      <c r="E108" s="310"/>
      <c r="F108" s="124"/>
      <c r="G108" s="124"/>
      <c r="H108" s="124"/>
      <c r="I108" s="125"/>
      <c r="J108" s="311"/>
    </row>
    <row r="109" spans="2:10" ht="14.25" customHeight="1" x14ac:dyDescent="0.15">
      <c r="B109" s="119"/>
      <c r="C109" s="230" t="s">
        <v>310</v>
      </c>
      <c r="D109" s="113" t="s">
        <v>311</v>
      </c>
      <c r="E109" s="140">
        <v>158</v>
      </c>
      <c r="F109" s="288"/>
      <c r="G109" s="295"/>
      <c r="H109" s="288">
        <v>266</v>
      </c>
      <c r="I109" s="137">
        <v>1.68</v>
      </c>
      <c r="J109" s="289">
        <v>1.56</v>
      </c>
    </row>
    <row r="110" spans="2:10" ht="7.5" customHeight="1" x14ac:dyDescent="0.15">
      <c r="B110" s="314"/>
      <c r="C110" s="315"/>
      <c r="D110" s="315"/>
      <c r="E110" s="316"/>
      <c r="F110" s="315"/>
      <c r="G110" s="315"/>
      <c r="H110" s="315"/>
      <c r="I110" s="317"/>
      <c r="J110" s="318"/>
    </row>
    <row r="111" spans="2:10" ht="14.25" customHeight="1" x14ac:dyDescent="0.15">
      <c r="B111" s="116"/>
      <c r="C111" s="236"/>
      <c r="D111" s="236"/>
      <c r="E111" s="171"/>
      <c r="F111" s="236"/>
      <c r="G111" s="236"/>
      <c r="H111" s="236"/>
      <c r="I111" s="236"/>
      <c r="J111" s="307"/>
    </row>
    <row r="112" spans="2:10" ht="7.5" customHeight="1" x14ac:dyDescent="0.15">
      <c r="C112" s="124"/>
      <c r="D112" s="124"/>
      <c r="E112" s="303"/>
      <c r="F112" s="124"/>
      <c r="G112" s="124"/>
      <c r="H112" s="124"/>
      <c r="I112" s="124"/>
      <c r="J112" s="304"/>
    </row>
    <row r="113" spans="2:10" ht="14.25" customHeight="1" x14ac:dyDescent="0.15">
      <c r="B113" s="113" t="s">
        <v>312</v>
      </c>
      <c r="E113" s="114"/>
      <c r="I113" s="234"/>
      <c r="J113" s="235"/>
    </row>
    <row r="114" spans="2:10" ht="7.5" customHeight="1" x14ac:dyDescent="0.15">
      <c r="B114" s="115"/>
      <c r="C114" s="116"/>
      <c r="D114" s="116"/>
      <c r="E114" s="171"/>
      <c r="F114" s="236"/>
      <c r="G114" s="236"/>
      <c r="H114" s="236"/>
      <c r="I114" s="236"/>
      <c r="J114" s="237"/>
    </row>
    <row r="115" spans="2:10" ht="14.25" customHeight="1" x14ac:dyDescent="0.15">
      <c r="B115" s="119"/>
      <c r="E115" s="121"/>
      <c r="F115" s="16">
        <v>45687</v>
      </c>
      <c r="G115" s="17"/>
      <c r="H115" s="17"/>
      <c r="I115" s="16">
        <v>45687</v>
      </c>
      <c r="J115" s="371" t="s">
        <v>4</v>
      </c>
    </row>
    <row r="116" spans="2:10" ht="14.25" customHeight="1" x14ac:dyDescent="0.15">
      <c r="B116" s="119"/>
      <c r="C116" s="113" t="s">
        <v>5</v>
      </c>
      <c r="D116" s="113" t="s">
        <v>239</v>
      </c>
      <c r="E116" s="122" t="s">
        <v>132</v>
      </c>
      <c r="F116" s="22" t="s">
        <v>7</v>
      </c>
      <c r="G116" s="22"/>
      <c r="H116" s="22"/>
      <c r="I116" s="23" t="s">
        <v>8</v>
      </c>
      <c r="J116" s="372"/>
    </row>
    <row r="117" spans="2:10" ht="14.25" customHeight="1" x14ac:dyDescent="0.15">
      <c r="B117" s="119"/>
      <c r="C117" s="124"/>
      <c r="D117" s="125"/>
      <c r="E117" s="126" t="s">
        <v>133</v>
      </c>
      <c r="F117" s="25" t="s">
        <v>11</v>
      </c>
      <c r="G117" s="26"/>
      <c r="H117" s="27"/>
      <c r="I117" s="23" t="s">
        <v>12</v>
      </c>
      <c r="J117" s="372"/>
    </row>
    <row r="118" spans="2:10" ht="7.5" customHeight="1" x14ac:dyDescent="0.15">
      <c r="B118" s="127"/>
      <c r="C118" s="244"/>
      <c r="D118" s="245"/>
      <c r="E118" s="31"/>
      <c r="F118" s="32"/>
      <c r="G118" s="30"/>
      <c r="H118" s="33"/>
      <c r="I118" s="34"/>
      <c r="J118" s="35"/>
    </row>
    <row r="119" spans="2:10" ht="7.5" customHeight="1" x14ac:dyDescent="0.15">
      <c r="B119" s="115"/>
      <c r="C119" s="236"/>
      <c r="D119" s="236"/>
      <c r="E119" s="187"/>
      <c r="F119" s="236"/>
      <c r="G119" s="236"/>
      <c r="H119" s="236"/>
      <c r="I119" s="249"/>
      <c r="J119" s="250"/>
    </row>
    <row r="120" spans="2:10" ht="14.25" customHeight="1" x14ac:dyDescent="0.15">
      <c r="B120" s="119"/>
      <c r="C120" s="230" t="s">
        <v>180</v>
      </c>
      <c r="D120" s="113" t="s">
        <v>313</v>
      </c>
      <c r="E120" s="140">
        <v>78</v>
      </c>
      <c r="F120" s="288"/>
      <c r="G120" s="295"/>
      <c r="H120" s="288">
        <v>85</v>
      </c>
      <c r="I120" s="137">
        <v>1.0900000000000001</v>
      </c>
      <c r="J120" s="289">
        <v>1.57</v>
      </c>
    </row>
    <row r="121" spans="2:10" ht="7.5" customHeight="1" x14ac:dyDescent="0.15">
      <c r="B121" s="127"/>
      <c r="C121" s="244"/>
      <c r="D121" s="244"/>
      <c r="E121" s="319"/>
      <c r="F121" s="244"/>
      <c r="G121" s="244"/>
      <c r="H121" s="244"/>
      <c r="I121" s="245"/>
      <c r="J121" s="320"/>
    </row>
    <row r="122" spans="2:10" ht="14.25" customHeight="1" x14ac:dyDescent="0.15">
      <c r="B122" s="394"/>
      <c r="C122" s="394"/>
      <c r="D122" s="394"/>
      <c r="E122" s="394"/>
      <c r="F122" s="394"/>
      <c r="G122" s="394"/>
      <c r="H122" s="394"/>
      <c r="I122" s="394"/>
      <c r="J122" s="394"/>
    </row>
    <row r="123" spans="2:10" ht="7.5" customHeight="1" x14ac:dyDescent="0.15">
      <c r="C123" s="124"/>
      <c r="D123" s="124"/>
      <c r="E123" s="303"/>
      <c r="F123" s="124"/>
      <c r="G123" s="124"/>
      <c r="H123" s="124"/>
      <c r="I123" s="124"/>
      <c r="J123" s="304"/>
    </row>
    <row r="124" spans="2:10" ht="14.25" customHeight="1" x14ac:dyDescent="0.15">
      <c r="B124" s="113" t="s">
        <v>314</v>
      </c>
      <c r="E124" s="114"/>
      <c r="I124" s="234"/>
      <c r="J124" s="235"/>
    </row>
    <row r="125" spans="2:10" ht="7.5" customHeight="1" x14ac:dyDescent="0.15">
      <c r="B125" s="115"/>
      <c r="C125" s="116"/>
      <c r="D125" s="116"/>
      <c r="E125" s="171"/>
      <c r="F125" s="236"/>
      <c r="G125" s="236"/>
      <c r="H125" s="236"/>
      <c r="I125" s="236"/>
      <c r="J125" s="237"/>
    </row>
    <row r="126" spans="2:10" ht="14.25" customHeight="1" x14ac:dyDescent="0.15">
      <c r="B126" s="119"/>
      <c r="E126" s="121"/>
      <c r="F126" s="16">
        <v>45687</v>
      </c>
      <c r="G126" s="17"/>
      <c r="H126" s="17"/>
      <c r="I126" s="16">
        <v>45687</v>
      </c>
      <c r="J126" s="371" t="s">
        <v>4</v>
      </c>
    </row>
    <row r="127" spans="2:10" ht="14.25" customHeight="1" x14ac:dyDescent="0.15">
      <c r="B127" s="119"/>
      <c r="C127" s="113" t="s">
        <v>5</v>
      </c>
      <c r="D127" s="113" t="s">
        <v>239</v>
      </c>
      <c r="E127" s="122" t="s">
        <v>132</v>
      </c>
      <c r="F127" s="22" t="s">
        <v>7</v>
      </c>
      <c r="G127" s="22"/>
      <c r="H127" s="22"/>
      <c r="I127" s="23" t="s">
        <v>8</v>
      </c>
      <c r="J127" s="372"/>
    </row>
    <row r="128" spans="2:10" ht="14.25" customHeight="1" x14ac:dyDescent="0.15">
      <c r="B128" s="119"/>
      <c r="C128" s="124"/>
      <c r="D128" s="125"/>
      <c r="E128" s="126" t="s">
        <v>133</v>
      </c>
      <c r="F128" s="25" t="s">
        <v>11</v>
      </c>
      <c r="G128" s="26"/>
      <c r="H128" s="27"/>
      <c r="I128" s="23" t="s">
        <v>12</v>
      </c>
      <c r="J128" s="372"/>
    </row>
    <row r="129" spans="2:10" ht="7.5" customHeight="1" x14ac:dyDescent="0.15">
      <c r="B129" s="127"/>
      <c r="C129" s="244"/>
      <c r="D129" s="245"/>
      <c r="E129" s="31"/>
      <c r="F129" s="32"/>
      <c r="G129" s="30"/>
      <c r="H129" s="33"/>
      <c r="I129" s="34"/>
      <c r="J129" s="35"/>
    </row>
    <row r="130" spans="2:10" ht="7.5" customHeight="1" x14ac:dyDescent="0.15">
      <c r="B130" s="119"/>
      <c r="C130" s="124"/>
      <c r="D130" s="124"/>
      <c r="E130" s="310"/>
      <c r="F130" s="124"/>
      <c r="G130" s="124"/>
      <c r="H130" s="124"/>
      <c r="I130" s="125"/>
      <c r="J130" s="311"/>
    </row>
    <row r="131" spans="2:10" ht="14.25" customHeight="1" x14ac:dyDescent="0.15">
      <c r="B131" s="119"/>
      <c r="C131" s="230" t="s">
        <v>180</v>
      </c>
      <c r="D131" s="113" t="s">
        <v>315</v>
      </c>
      <c r="E131" s="140">
        <v>38</v>
      </c>
      <c r="F131" s="288"/>
      <c r="G131" s="295"/>
      <c r="H131" s="288">
        <v>45</v>
      </c>
      <c r="I131" s="137">
        <v>1.18</v>
      </c>
      <c r="J131" s="289">
        <v>1.33</v>
      </c>
    </row>
    <row r="132" spans="2:10" ht="7.5" customHeight="1" x14ac:dyDescent="0.15">
      <c r="B132" s="127"/>
      <c r="C132" s="244"/>
      <c r="D132" s="244"/>
      <c r="E132" s="319"/>
      <c r="F132" s="244"/>
      <c r="G132" s="244"/>
      <c r="H132" s="244"/>
      <c r="I132" s="245"/>
      <c r="J132" s="320"/>
    </row>
    <row r="133" spans="2:10" ht="14.25" customHeight="1" x14ac:dyDescent="0.15">
      <c r="B133" s="394"/>
      <c r="C133" s="394"/>
      <c r="D133" s="394"/>
      <c r="E133" s="394"/>
      <c r="F133" s="394"/>
      <c r="G133" s="394"/>
      <c r="H133" s="394"/>
      <c r="I133" s="394"/>
      <c r="J133" s="394"/>
    </row>
    <row r="134" spans="2:10" ht="7.5" customHeight="1" x14ac:dyDescent="0.15">
      <c r="E134" s="114"/>
      <c r="F134" s="288"/>
      <c r="G134" s="295"/>
      <c r="H134" s="251"/>
      <c r="I134" s="234"/>
      <c r="J134" s="235"/>
    </row>
    <row r="135" spans="2:10" ht="14.25" customHeight="1" x14ac:dyDescent="0.15">
      <c r="B135" s="128" t="s">
        <v>316</v>
      </c>
      <c r="C135" s="128"/>
      <c r="D135" s="128"/>
      <c r="E135" s="152"/>
      <c r="F135" s="299"/>
      <c r="G135" s="300"/>
      <c r="H135" s="301"/>
      <c r="I135" s="153"/>
      <c r="J135" s="321"/>
    </row>
    <row r="136" spans="2:10" ht="7.5" customHeight="1" x14ac:dyDescent="0.15">
      <c r="B136" s="115"/>
      <c r="C136" s="116"/>
      <c r="D136" s="116"/>
      <c r="E136" s="171"/>
      <c r="F136" s="236"/>
      <c r="G136" s="236"/>
      <c r="H136" s="236"/>
      <c r="I136" s="236"/>
      <c r="J136" s="237"/>
    </row>
    <row r="137" spans="2:10" ht="14.25" customHeight="1" x14ac:dyDescent="0.15">
      <c r="B137" s="119"/>
      <c r="E137" s="121"/>
      <c r="F137" s="16">
        <v>45687</v>
      </c>
      <c r="G137" s="17"/>
      <c r="H137" s="17"/>
      <c r="I137" s="16">
        <v>45687</v>
      </c>
      <c r="J137" s="371" t="s">
        <v>4</v>
      </c>
    </row>
    <row r="138" spans="2:10" ht="14.25" customHeight="1" x14ac:dyDescent="0.15">
      <c r="B138" s="119"/>
      <c r="C138" s="113" t="s">
        <v>5</v>
      </c>
      <c r="D138" s="113" t="s">
        <v>239</v>
      </c>
      <c r="E138" s="122" t="s">
        <v>132</v>
      </c>
      <c r="F138" s="22" t="s">
        <v>7</v>
      </c>
      <c r="G138" s="22"/>
      <c r="H138" s="22"/>
      <c r="I138" s="23" t="s">
        <v>8</v>
      </c>
      <c r="J138" s="372"/>
    </row>
    <row r="139" spans="2:10" ht="14.25" customHeight="1" x14ac:dyDescent="0.15">
      <c r="B139" s="119"/>
      <c r="C139" s="124"/>
      <c r="D139" s="125"/>
      <c r="E139" s="126" t="s">
        <v>133</v>
      </c>
      <c r="F139" s="25" t="s">
        <v>11</v>
      </c>
      <c r="G139" s="26"/>
      <c r="H139" s="27"/>
      <c r="I139" s="23" t="s">
        <v>12</v>
      </c>
      <c r="J139" s="372"/>
    </row>
    <row r="140" spans="2:10" ht="7.5" customHeight="1" x14ac:dyDescent="0.15">
      <c r="B140" s="127"/>
      <c r="C140" s="244"/>
      <c r="D140" s="245"/>
      <c r="E140" s="31"/>
      <c r="F140" s="32"/>
      <c r="G140" s="30"/>
      <c r="H140" s="33"/>
      <c r="I140" s="34"/>
      <c r="J140" s="35"/>
    </row>
    <row r="141" spans="2:10" ht="7.5" customHeight="1" x14ac:dyDescent="0.15">
      <c r="B141" s="119"/>
      <c r="C141" s="124"/>
      <c r="D141" s="124"/>
      <c r="E141" s="310"/>
      <c r="F141" s="124"/>
      <c r="G141" s="124"/>
      <c r="H141" s="124"/>
      <c r="I141" s="125"/>
      <c r="J141" s="311"/>
    </row>
    <row r="142" spans="2:10" ht="14.25" customHeight="1" x14ac:dyDescent="0.15">
      <c r="B142" s="119"/>
      <c r="C142" s="230" t="s">
        <v>180</v>
      </c>
      <c r="D142" s="113" t="s">
        <v>317</v>
      </c>
      <c r="E142" s="140">
        <v>38</v>
      </c>
      <c r="F142" s="288"/>
      <c r="G142" s="295"/>
      <c r="H142" s="288">
        <v>56</v>
      </c>
      <c r="I142" s="137">
        <v>1.47</v>
      </c>
      <c r="J142" s="289">
        <v>1.56</v>
      </c>
    </row>
    <row r="143" spans="2:10" ht="7.5" customHeight="1" x14ac:dyDescent="0.15">
      <c r="B143" s="127"/>
      <c r="C143" s="244"/>
      <c r="D143" s="244"/>
      <c r="E143" s="319"/>
      <c r="F143" s="244"/>
      <c r="G143" s="244"/>
      <c r="H143" s="244"/>
      <c r="I143" s="245"/>
      <c r="J143" s="320"/>
    </row>
    <row r="144" spans="2:10" ht="14.25" customHeight="1" x14ac:dyDescent="0.15">
      <c r="B144" s="394"/>
      <c r="C144" s="394"/>
      <c r="D144" s="394"/>
      <c r="E144" s="394"/>
      <c r="F144" s="394"/>
      <c r="G144" s="394"/>
      <c r="H144" s="394"/>
      <c r="I144" s="394"/>
      <c r="J144" s="394"/>
    </row>
    <row r="145" spans="2:10" ht="14.25" customHeight="1" x14ac:dyDescent="0.15">
      <c r="B145" s="113" t="s">
        <v>318</v>
      </c>
      <c r="E145" s="114"/>
      <c r="I145" s="234"/>
      <c r="J145" s="235"/>
    </row>
    <row r="146" spans="2:10" ht="7.5" customHeight="1" x14ac:dyDescent="0.15">
      <c r="B146" s="115"/>
      <c r="C146" s="116"/>
      <c r="D146" s="116"/>
      <c r="E146" s="171"/>
      <c r="F146" s="236"/>
      <c r="G146" s="236"/>
      <c r="H146" s="236"/>
      <c r="I146" s="236"/>
      <c r="J146" s="237"/>
    </row>
    <row r="147" spans="2:10" ht="14.25" customHeight="1" x14ac:dyDescent="0.15">
      <c r="B147" s="119"/>
      <c r="E147" s="121"/>
      <c r="F147" s="16">
        <v>45687</v>
      </c>
      <c r="G147" s="17"/>
      <c r="H147" s="17"/>
      <c r="I147" s="16">
        <v>45687</v>
      </c>
      <c r="J147" s="371" t="s">
        <v>4</v>
      </c>
    </row>
    <row r="148" spans="2:10" ht="14.25" customHeight="1" x14ac:dyDescent="0.15">
      <c r="B148" s="119"/>
      <c r="C148" s="113" t="s">
        <v>5</v>
      </c>
      <c r="D148" s="113" t="s">
        <v>319</v>
      </c>
      <c r="E148" s="122" t="s">
        <v>132</v>
      </c>
      <c r="F148" s="22" t="s">
        <v>7</v>
      </c>
      <c r="G148" s="22"/>
      <c r="H148" s="22"/>
      <c r="I148" s="23" t="s">
        <v>8</v>
      </c>
      <c r="J148" s="372"/>
    </row>
    <row r="149" spans="2:10" ht="14.25" customHeight="1" x14ac:dyDescent="0.15">
      <c r="B149" s="119"/>
      <c r="C149" s="124"/>
      <c r="D149" s="125"/>
      <c r="E149" s="126" t="s">
        <v>133</v>
      </c>
      <c r="F149" s="25" t="s">
        <v>11</v>
      </c>
      <c r="G149" s="26"/>
      <c r="H149" s="27"/>
      <c r="I149" s="23" t="s">
        <v>12</v>
      </c>
      <c r="J149" s="372"/>
    </row>
    <row r="150" spans="2:10" ht="7.5" customHeight="1" x14ac:dyDescent="0.15">
      <c r="B150" s="127"/>
      <c r="C150" s="244"/>
      <c r="D150" s="245"/>
      <c r="E150" s="31"/>
      <c r="F150" s="32"/>
      <c r="G150" s="30"/>
      <c r="H150" s="33"/>
      <c r="I150" s="34"/>
      <c r="J150" s="35"/>
    </row>
    <row r="151" spans="2:10" ht="7.5" customHeight="1" x14ac:dyDescent="0.15">
      <c r="B151" s="119"/>
      <c r="C151" s="124"/>
      <c r="D151" s="124"/>
      <c r="E151" s="310"/>
      <c r="F151" s="124"/>
      <c r="G151" s="124"/>
      <c r="H151" s="124"/>
      <c r="I151" s="125"/>
      <c r="J151" s="250"/>
    </row>
    <row r="152" spans="2:10" ht="14.25" customHeight="1" x14ac:dyDescent="0.15">
      <c r="B152" s="119"/>
      <c r="C152" s="113" t="s">
        <v>320</v>
      </c>
      <c r="D152" s="113" t="s">
        <v>321</v>
      </c>
      <c r="E152" s="140">
        <v>139</v>
      </c>
      <c r="F152" s="288"/>
      <c r="G152" s="295"/>
      <c r="H152" s="288">
        <v>156</v>
      </c>
      <c r="I152" s="137">
        <v>1.1200000000000001</v>
      </c>
      <c r="J152" s="289">
        <v>1.6</v>
      </c>
    </row>
    <row r="153" spans="2:10" ht="7.5" customHeight="1" x14ac:dyDescent="0.15">
      <c r="B153" s="119"/>
      <c r="E153" s="140"/>
      <c r="F153" s="235"/>
      <c r="G153" s="235"/>
      <c r="H153" s="235"/>
      <c r="I153" s="137"/>
      <c r="J153" s="309"/>
    </row>
    <row r="154" spans="2:10" ht="26.25" customHeight="1" x14ac:dyDescent="0.15">
      <c r="B154" s="119"/>
      <c r="C154" s="2" t="s">
        <v>150</v>
      </c>
      <c r="D154" s="322" t="s">
        <v>322</v>
      </c>
      <c r="E154" s="323">
        <v>20</v>
      </c>
      <c r="F154" s="324"/>
      <c r="G154" s="325"/>
      <c r="H154" s="324">
        <v>24</v>
      </c>
      <c r="I154" s="326">
        <v>1.2</v>
      </c>
      <c r="J154" s="327">
        <v>1.2</v>
      </c>
    </row>
    <row r="155" spans="2:10" ht="14.25" customHeight="1" x14ac:dyDescent="0.15">
      <c r="B155" s="119"/>
      <c r="D155" s="313" t="s">
        <v>152</v>
      </c>
      <c r="E155" s="290">
        <v>159</v>
      </c>
      <c r="F155" s="291"/>
      <c r="G155" s="291"/>
      <c r="H155" s="292">
        <v>180</v>
      </c>
      <c r="I155" s="260">
        <v>1.1299999999999999</v>
      </c>
      <c r="J155" s="293">
        <v>1.55</v>
      </c>
    </row>
    <row r="156" spans="2:10" ht="7.5" customHeight="1" x14ac:dyDescent="0.15">
      <c r="B156" s="127"/>
      <c r="C156" s="244"/>
      <c r="D156" s="244"/>
      <c r="E156" s="319"/>
      <c r="F156" s="244"/>
      <c r="G156" s="244"/>
      <c r="H156" s="244"/>
      <c r="I156" s="245"/>
      <c r="J156" s="248"/>
    </row>
    <row r="157" spans="2:10" ht="13.5" customHeight="1" x14ac:dyDescent="0.15">
      <c r="B157" s="392" t="s">
        <v>323</v>
      </c>
      <c r="C157" s="392"/>
      <c r="D157" s="392"/>
      <c r="E157" s="392"/>
      <c r="F157" s="392"/>
      <c r="G157" s="392"/>
      <c r="H157" s="392"/>
      <c r="I157" s="392"/>
      <c r="J157" s="392"/>
    </row>
    <row r="158" spans="2:10" ht="14.25" customHeight="1" x14ac:dyDescent="0.15">
      <c r="C158" s="124"/>
      <c r="E158" s="114"/>
      <c r="F158" s="235"/>
      <c r="G158" s="235"/>
      <c r="H158" s="235"/>
      <c r="I158" s="234"/>
      <c r="J158" s="328"/>
    </row>
    <row r="159" spans="2:10" ht="14.25" customHeight="1" x14ac:dyDescent="0.15">
      <c r="B159" s="113" t="s">
        <v>324</v>
      </c>
      <c r="E159" s="114"/>
      <c r="I159" s="234"/>
      <c r="J159" s="235"/>
    </row>
    <row r="160" spans="2:10" ht="7.5" customHeight="1" x14ac:dyDescent="0.15">
      <c r="B160" s="115"/>
      <c r="C160" s="116"/>
      <c r="D160" s="116"/>
      <c r="E160" s="171"/>
      <c r="F160" s="236"/>
      <c r="G160" s="236"/>
      <c r="H160" s="236"/>
      <c r="I160" s="236"/>
      <c r="J160" s="237"/>
    </row>
    <row r="161" spans="2:10" ht="14.25" customHeight="1" x14ac:dyDescent="0.15">
      <c r="B161" s="119"/>
      <c r="E161" s="121"/>
      <c r="F161" s="16">
        <v>45687</v>
      </c>
      <c r="G161" s="17"/>
      <c r="H161" s="17"/>
      <c r="I161" s="16">
        <v>45687</v>
      </c>
      <c r="J161" s="371" t="s">
        <v>4</v>
      </c>
    </row>
    <row r="162" spans="2:10" ht="14.25" customHeight="1" x14ac:dyDescent="0.15">
      <c r="B162" s="119"/>
      <c r="C162" s="113" t="s">
        <v>5</v>
      </c>
      <c r="D162" s="113" t="s">
        <v>239</v>
      </c>
      <c r="E162" s="122" t="s">
        <v>132</v>
      </c>
      <c r="F162" s="22" t="s">
        <v>7</v>
      </c>
      <c r="G162" s="22"/>
      <c r="H162" s="22"/>
      <c r="I162" s="23" t="s">
        <v>8</v>
      </c>
      <c r="J162" s="372"/>
    </row>
    <row r="163" spans="2:10" ht="14.25" customHeight="1" x14ac:dyDescent="0.15">
      <c r="B163" s="119"/>
      <c r="C163" s="124"/>
      <c r="D163" s="125"/>
      <c r="E163" s="126" t="s">
        <v>133</v>
      </c>
      <c r="F163" s="25" t="s">
        <v>11</v>
      </c>
      <c r="G163" s="26"/>
      <c r="H163" s="27"/>
      <c r="I163" s="23" t="s">
        <v>12</v>
      </c>
      <c r="J163" s="372"/>
    </row>
    <row r="164" spans="2:10" ht="7.5" customHeight="1" x14ac:dyDescent="0.15">
      <c r="B164" s="119"/>
      <c r="C164" s="244"/>
      <c r="D164" s="245"/>
      <c r="E164" s="31"/>
      <c r="F164" s="32"/>
      <c r="G164" s="30"/>
      <c r="H164" s="33"/>
      <c r="I164" s="34"/>
      <c r="J164" s="35"/>
    </row>
    <row r="165" spans="2:10" ht="7.5" customHeight="1" x14ac:dyDescent="0.15">
      <c r="B165" s="115"/>
      <c r="C165" s="124"/>
      <c r="D165" s="124"/>
      <c r="E165" s="187"/>
      <c r="F165" s="124"/>
      <c r="G165" s="124"/>
      <c r="H165" s="124"/>
      <c r="I165" s="125"/>
      <c r="J165" s="250"/>
    </row>
    <row r="166" spans="2:10" ht="14.25" customHeight="1" x14ac:dyDescent="0.15">
      <c r="B166" s="119"/>
      <c r="C166" s="113" t="s">
        <v>325</v>
      </c>
      <c r="D166" s="113" t="s">
        <v>326</v>
      </c>
      <c r="E166" s="140">
        <v>238</v>
      </c>
      <c r="F166" s="288"/>
      <c r="G166" s="295"/>
      <c r="H166" s="288">
        <v>204</v>
      </c>
      <c r="I166" s="137">
        <v>0.86</v>
      </c>
      <c r="J166" s="289">
        <v>1.0900000000000001</v>
      </c>
    </row>
    <row r="167" spans="2:10" ht="7.5" customHeight="1" x14ac:dyDescent="0.15">
      <c r="B167" s="127"/>
      <c r="C167" s="128"/>
      <c r="D167" s="128"/>
      <c r="E167" s="151"/>
      <c r="F167" s="321"/>
      <c r="G167" s="321"/>
      <c r="H167" s="321"/>
      <c r="I167" s="154"/>
      <c r="J167" s="329"/>
    </row>
    <row r="168" spans="2:10" ht="13.5" customHeight="1" x14ac:dyDescent="0.15">
      <c r="E168" s="114"/>
      <c r="I168" s="234"/>
      <c r="J168" s="235"/>
    </row>
    <row r="169" spans="2:10" ht="14.25" customHeight="1" x14ac:dyDescent="0.15">
      <c r="B169" s="113" t="s">
        <v>327</v>
      </c>
      <c r="E169" s="114"/>
      <c r="I169" s="234"/>
      <c r="J169" s="235"/>
    </row>
    <row r="170" spans="2:10" ht="7.5" customHeight="1" x14ac:dyDescent="0.15">
      <c r="B170" s="115"/>
      <c r="C170" s="116"/>
      <c r="D170" s="116"/>
      <c r="E170" s="171"/>
      <c r="F170" s="236"/>
      <c r="G170" s="236"/>
      <c r="H170" s="236"/>
      <c r="I170" s="236"/>
      <c r="J170" s="237"/>
    </row>
    <row r="171" spans="2:10" ht="14.25" customHeight="1" x14ac:dyDescent="0.15">
      <c r="B171" s="119"/>
      <c r="E171" s="121"/>
      <c r="F171" s="16">
        <v>45687</v>
      </c>
      <c r="G171" s="17"/>
      <c r="H171" s="17"/>
      <c r="I171" s="16">
        <v>45687</v>
      </c>
      <c r="J171" s="371" t="s">
        <v>4</v>
      </c>
    </row>
    <row r="172" spans="2:10" ht="14.25" customHeight="1" x14ac:dyDescent="0.15">
      <c r="B172" s="119"/>
      <c r="C172" s="113" t="s">
        <v>5</v>
      </c>
      <c r="D172" s="113" t="s">
        <v>239</v>
      </c>
      <c r="E172" s="122" t="s">
        <v>132</v>
      </c>
      <c r="F172" s="22" t="s">
        <v>7</v>
      </c>
      <c r="G172" s="22"/>
      <c r="H172" s="22"/>
      <c r="I172" s="23" t="s">
        <v>8</v>
      </c>
      <c r="J172" s="372"/>
    </row>
    <row r="173" spans="2:10" ht="14.25" customHeight="1" x14ac:dyDescent="0.15">
      <c r="B173" s="119"/>
      <c r="C173" s="124"/>
      <c r="D173" s="125"/>
      <c r="E173" s="126" t="s">
        <v>133</v>
      </c>
      <c r="F173" s="25" t="s">
        <v>11</v>
      </c>
      <c r="G173" s="26"/>
      <c r="H173" s="27"/>
      <c r="I173" s="23" t="s">
        <v>12</v>
      </c>
      <c r="J173" s="372"/>
    </row>
    <row r="174" spans="2:10" ht="7.5" customHeight="1" x14ac:dyDescent="0.15">
      <c r="B174" s="119"/>
      <c r="C174" s="244"/>
      <c r="D174" s="245"/>
      <c r="E174" s="31"/>
      <c r="F174" s="32"/>
      <c r="G174" s="30"/>
      <c r="H174" s="33"/>
      <c r="I174" s="34"/>
      <c r="J174" s="35"/>
    </row>
    <row r="175" spans="2:10" ht="7.5" customHeight="1" x14ac:dyDescent="0.15">
      <c r="B175" s="115"/>
      <c r="C175" s="124"/>
      <c r="D175" s="124"/>
      <c r="E175" s="187"/>
      <c r="F175" s="124"/>
      <c r="G175" s="124"/>
      <c r="H175" s="124"/>
      <c r="I175" s="125"/>
      <c r="J175" s="250"/>
    </row>
    <row r="176" spans="2:10" ht="14.25" customHeight="1" x14ac:dyDescent="0.15">
      <c r="B176" s="119"/>
      <c r="C176" s="113" t="s">
        <v>146</v>
      </c>
      <c r="D176" s="113" t="s">
        <v>328</v>
      </c>
      <c r="E176" s="140">
        <v>30</v>
      </c>
      <c r="F176" s="288"/>
      <c r="G176" s="295"/>
      <c r="H176" s="288">
        <v>36</v>
      </c>
      <c r="I176" s="137">
        <v>1.2</v>
      </c>
      <c r="J176" s="289">
        <v>1.87</v>
      </c>
    </row>
    <row r="177" spans="2:10" ht="7.5" customHeight="1" x14ac:dyDescent="0.15">
      <c r="B177" s="127"/>
      <c r="C177" s="128"/>
      <c r="D177" s="128"/>
      <c r="E177" s="151"/>
      <c r="F177" s="321"/>
      <c r="G177" s="321"/>
      <c r="H177" s="321"/>
      <c r="I177" s="154"/>
      <c r="J177" s="329"/>
    </row>
    <row r="178" spans="2:10" ht="30" customHeight="1" x14ac:dyDescent="0.15">
      <c r="E178" s="114"/>
      <c r="I178" s="234"/>
      <c r="J178" s="235"/>
    </row>
    <row r="179" spans="2:10" s="2" customFormat="1" ht="15" customHeight="1" x14ac:dyDescent="0.15">
      <c r="B179" s="3" t="s">
        <v>329</v>
      </c>
      <c r="C179" s="3"/>
      <c r="E179" s="4"/>
      <c r="F179" s="5"/>
      <c r="G179" s="5"/>
      <c r="H179" s="5"/>
      <c r="J179" s="5"/>
    </row>
    <row r="180" spans="2:10" s="2" customFormat="1" ht="7.5" customHeight="1" x14ac:dyDescent="0.15">
      <c r="B180" s="6"/>
      <c r="C180" s="6"/>
      <c r="E180" s="4"/>
      <c r="F180" s="5"/>
      <c r="G180" s="5"/>
      <c r="H180" s="5"/>
      <c r="J180" s="5"/>
    </row>
    <row r="181" spans="2:10" s="2" customFormat="1" ht="7.5" customHeight="1" x14ac:dyDescent="0.15">
      <c r="B181" s="115"/>
      <c r="C181" s="9"/>
      <c r="D181" s="10"/>
      <c r="E181" s="11"/>
      <c r="F181" s="10"/>
      <c r="G181" s="10"/>
      <c r="H181" s="10"/>
      <c r="I181" s="10"/>
      <c r="J181" s="12"/>
    </row>
    <row r="182" spans="2:10" s="2" customFormat="1" ht="14.25" customHeight="1" x14ac:dyDescent="0.15">
      <c r="B182" s="119"/>
      <c r="C182" s="14"/>
      <c r="E182" s="121"/>
      <c r="F182" s="16">
        <v>45687</v>
      </c>
      <c r="G182" s="17"/>
      <c r="H182" s="17"/>
      <c r="I182" s="16">
        <v>45687</v>
      </c>
      <c r="J182" s="371" t="s">
        <v>4</v>
      </c>
    </row>
    <row r="183" spans="2:10" s="2" customFormat="1" ht="14.25" customHeight="1" x14ac:dyDescent="0.15">
      <c r="B183" s="119"/>
      <c r="C183" s="113" t="s">
        <v>5</v>
      </c>
      <c r="D183" s="113" t="s">
        <v>239</v>
      </c>
      <c r="E183" s="122" t="s">
        <v>132</v>
      </c>
      <c r="F183" s="22" t="s">
        <v>7</v>
      </c>
      <c r="G183" s="22"/>
      <c r="H183" s="22"/>
      <c r="I183" s="23" t="s">
        <v>8</v>
      </c>
      <c r="J183" s="372"/>
    </row>
    <row r="184" spans="2:10" s="2" customFormat="1" ht="14.25" customHeight="1" x14ac:dyDescent="0.15">
      <c r="B184" s="119"/>
      <c r="C184" s="14"/>
      <c r="D184" s="14"/>
      <c r="E184" s="126" t="s">
        <v>133</v>
      </c>
      <c r="F184" s="25" t="s">
        <v>11</v>
      </c>
      <c r="G184" s="26"/>
      <c r="H184" s="27"/>
      <c r="I184" s="23" t="s">
        <v>12</v>
      </c>
      <c r="J184" s="372"/>
    </row>
    <row r="185" spans="2:10" s="2" customFormat="1" ht="7.5" customHeight="1" x14ac:dyDescent="0.15">
      <c r="B185" s="119"/>
      <c r="C185" s="112"/>
      <c r="D185" s="30"/>
      <c r="E185" s="31"/>
      <c r="F185" s="32"/>
      <c r="G185" s="30"/>
      <c r="H185" s="33"/>
      <c r="I185" s="34"/>
      <c r="J185" s="35"/>
    </row>
    <row r="186" spans="2:10" s="2" customFormat="1" ht="4.5" customHeight="1" x14ac:dyDescent="0.15">
      <c r="B186" s="115"/>
      <c r="C186" s="330"/>
      <c r="D186" s="14"/>
      <c r="E186" s="37"/>
      <c r="F186" s="10"/>
      <c r="G186" s="10"/>
      <c r="H186" s="10"/>
      <c r="I186" s="38"/>
      <c r="J186" s="39"/>
    </row>
    <row r="187" spans="2:10" s="2" customFormat="1" ht="14.25" customHeight="1" x14ac:dyDescent="0.15">
      <c r="B187" s="119"/>
      <c r="C187" s="41" t="s">
        <v>34</v>
      </c>
      <c r="D187" s="331" t="s">
        <v>275</v>
      </c>
      <c r="E187" s="140">
        <v>40</v>
      </c>
      <c r="F187" s="288"/>
      <c r="G187" s="295"/>
      <c r="H187" s="288">
        <v>40</v>
      </c>
      <c r="I187" s="137">
        <v>1</v>
      </c>
      <c r="J187" s="289">
        <v>1</v>
      </c>
    </row>
    <row r="188" spans="2:10" s="2" customFormat="1" ht="14.25" customHeight="1" x14ac:dyDescent="0.15">
      <c r="B188" s="119"/>
      <c r="C188" s="41" t="s">
        <v>330</v>
      </c>
      <c r="D188" s="41" t="s">
        <v>275</v>
      </c>
      <c r="E188" s="140">
        <v>45</v>
      </c>
      <c r="F188" s="288"/>
      <c r="G188" s="295"/>
      <c r="H188" s="288">
        <v>31</v>
      </c>
      <c r="I188" s="137">
        <v>0.69</v>
      </c>
      <c r="J188" s="289">
        <v>0.96</v>
      </c>
    </row>
    <row r="189" spans="2:10" s="2" customFormat="1" ht="6" customHeight="1" x14ac:dyDescent="0.15">
      <c r="B189" s="332"/>
      <c r="C189" s="333"/>
      <c r="D189" s="72"/>
      <c r="E189" s="73"/>
      <c r="F189" s="74"/>
      <c r="G189" s="72"/>
      <c r="H189" s="74"/>
      <c r="I189" s="75"/>
      <c r="J189" s="334"/>
    </row>
    <row r="190" spans="2:10" s="2" customFormat="1" ht="8.25" customHeight="1" x14ac:dyDescent="0.15">
      <c r="B190" s="89"/>
      <c r="C190" s="90"/>
      <c r="D190" s="41"/>
      <c r="E190" s="42"/>
      <c r="F190" s="43"/>
      <c r="G190" s="41"/>
      <c r="H190" s="43"/>
      <c r="I190" s="45"/>
      <c r="J190" s="335"/>
    </row>
    <row r="191" spans="2:10" s="2" customFormat="1" ht="13.5" customHeight="1" x14ac:dyDescent="0.15">
      <c r="B191" s="84"/>
      <c r="C191" s="369" t="s">
        <v>129</v>
      </c>
      <c r="D191" s="370"/>
      <c r="E191" s="290">
        <v>85</v>
      </c>
      <c r="F191" s="291"/>
      <c r="G191" s="291"/>
      <c r="H191" s="292">
        <v>71</v>
      </c>
      <c r="I191" s="260">
        <v>0.84</v>
      </c>
      <c r="J191" s="293">
        <v>0.98</v>
      </c>
    </row>
    <row r="192" spans="2:10" s="2" customFormat="1" ht="8.25" customHeight="1" x14ac:dyDescent="0.15">
      <c r="B192" s="336"/>
      <c r="C192" s="337"/>
      <c r="D192" s="338"/>
      <c r="E192" s="339"/>
      <c r="F192" s="340"/>
      <c r="G192" s="338"/>
      <c r="H192" s="340"/>
      <c r="I192" s="341"/>
      <c r="J192" s="342"/>
    </row>
    <row r="193" spans="2:10" s="2" customFormat="1" ht="13.5" customHeight="1" x14ac:dyDescent="0.15">
      <c r="B193" s="393"/>
      <c r="C193" s="393"/>
      <c r="D193" s="393"/>
      <c r="E193" s="393"/>
      <c r="F193" s="393"/>
      <c r="G193" s="393"/>
      <c r="H193" s="393"/>
      <c r="I193" s="393"/>
      <c r="J193" s="393"/>
    </row>
  </sheetData>
  <mergeCells count="24">
    <mergeCell ref="J115:J117"/>
    <mergeCell ref="J5:J7"/>
    <mergeCell ref="C30:D30"/>
    <mergeCell ref="J35:J37"/>
    <mergeCell ref="J46:J48"/>
    <mergeCell ref="C60:D60"/>
    <mergeCell ref="B62:J62"/>
    <mergeCell ref="J65:J67"/>
    <mergeCell ref="J75:J77"/>
    <mergeCell ref="C87:D87"/>
    <mergeCell ref="J93:J95"/>
    <mergeCell ref="J104:J106"/>
    <mergeCell ref="B193:J193"/>
    <mergeCell ref="B122:J122"/>
    <mergeCell ref="J126:J128"/>
    <mergeCell ref="B133:J133"/>
    <mergeCell ref="J137:J139"/>
    <mergeCell ref="B144:J144"/>
    <mergeCell ref="J147:J149"/>
    <mergeCell ref="B157:J157"/>
    <mergeCell ref="J161:J163"/>
    <mergeCell ref="J171:J173"/>
    <mergeCell ref="J182:J184"/>
    <mergeCell ref="C191:D191"/>
  </mergeCells>
  <phoneticPr fontId="3"/>
  <pageMargins left="0.78740157480314965" right="0.78740157480314965" top="0.78740157480314965" bottom="0.59055118110236227" header="0.35433070866141736" footer="0.19685039370078741"/>
  <pageSetup paperSize="9" scale="97" firstPageNumber="8" orientation="portrait" useFirstPageNumber="1" r:id="rId1"/>
  <headerFooter alignWithMargins="0">
    <oddFooter>&amp;C&amp;"ＭＳ ゴシック,標準"&amp;P</oddFooter>
  </headerFooter>
  <rowBreaks count="2" manualBreakCount="2">
    <brk id="62" max="9" man="1"/>
    <brk id="134" max="9"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D1CFC8-6231-4A3D-AA1A-B2DF4A29765A}">
  <dimension ref="B1:K120"/>
  <sheetViews>
    <sheetView view="pageBreakPreview" zoomScale="99" zoomScaleNormal="85" zoomScaleSheetLayoutView="99" workbookViewId="0"/>
  </sheetViews>
  <sheetFormatPr defaultColWidth="9" defaultRowHeight="13.5" x14ac:dyDescent="0.15"/>
  <cols>
    <col min="1" max="2" width="1.5" style="113" customWidth="1"/>
    <col min="3" max="3" width="21.375" style="113" bestFit="1" customWidth="1"/>
    <col min="4" max="4" width="14.375" style="113" bestFit="1" customWidth="1"/>
    <col min="5" max="5" width="7.625" style="113" customWidth="1"/>
    <col min="6" max="6" width="8.875" style="113" customWidth="1"/>
    <col min="7" max="8" width="5.875" style="113" customWidth="1"/>
    <col min="9" max="9" width="6.75" style="113" customWidth="1"/>
    <col min="10" max="11" width="8.5" style="113" customWidth="1"/>
    <col min="12" max="16384" width="9" style="113"/>
  </cols>
  <sheetData>
    <row r="1" spans="2:11" s="41" customFormat="1" ht="15" customHeight="1" x14ac:dyDescent="0.15">
      <c r="B1" s="231" t="s">
        <v>224</v>
      </c>
      <c r="C1" s="231"/>
      <c r="E1" s="43"/>
      <c r="F1" s="43"/>
      <c r="J1" s="232"/>
      <c r="K1" s="233"/>
    </row>
    <row r="2" spans="2:11" s="41" customFormat="1" ht="15" customHeight="1" x14ac:dyDescent="0.15">
      <c r="B2" s="231"/>
      <c r="C2" s="231"/>
      <c r="E2" s="43"/>
      <c r="F2" s="43"/>
      <c r="J2" s="232"/>
      <c r="K2" s="233"/>
    </row>
    <row r="3" spans="2:11" x14ac:dyDescent="0.15">
      <c r="B3" s="113" t="s">
        <v>225</v>
      </c>
      <c r="E3" s="114"/>
      <c r="F3" s="114"/>
      <c r="J3" s="234"/>
      <c r="K3" s="235"/>
    </row>
    <row r="4" spans="2:11" ht="14.25" customHeight="1" x14ac:dyDescent="0.15">
      <c r="B4" s="113" t="s">
        <v>226</v>
      </c>
      <c r="E4" s="114"/>
      <c r="F4" s="114"/>
      <c r="J4" s="234"/>
      <c r="K4" s="235"/>
    </row>
    <row r="5" spans="2:11" ht="7.5" customHeight="1" x14ac:dyDescent="0.15">
      <c r="B5" s="115"/>
      <c r="C5" s="116"/>
      <c r="D5" s="116"/>
      <c r="E5" s="171"/>
      <c r="F5" s="116"/>
      <c r="G5" s="236"/>
      <c r="H5" s="236"/>
      <c r="I5" s="236"/>
      <c r="J5" s="236"/>
      <c r="K5" s="237"/>
    </row>
    <row r="6" spans="2:11" ht="14.25" customHeight="1" x14ac:dyDescent="0.15">
      <c r="B6" s="119"/>
      <c r="E6" s="121" t="s">
        <v>227</v>
      </c>
      <c r="F6" s="238" t="s">
        <v>228</v>
      </c>
      <c r="G6" s="94" t="s">
        <v>111</v>
      </c>
      <c r="H6" s="239"/>
      <c r="I6" s="239"/>
      <c r="J6" s="18">
        <v>45687</v>
      </c>
      <c r="K6" s="371" t="s">
        <v>4</v>
      </c>
    </row>
    <row r="7" spans="2:11" ht="14.25" customHeight="1" x14ac:dyDescent="0.15">
      <c r="B7" s="119"/>
      <c r="C7" s="113" t="s">
        <v>5</v>
      </c>
      <c r="D7" s="113" t="s">
        <v>229</v>
      </c>
      <c r="E7" s="122" t="s">
        <v>230</v>
      </c>
      <c r="F7" s="240" t="s">
        <v>231</v>
      </c>
      <c r="G7" s="241" t="s">
        <v>112</v>
      </c>
      <c r="H7" s="241" t="s">
        <v>112</v>
      </c>
      <c r="I7" s="242" t="s">
        <v>113</v>
      </c>
      <c r="J7" s="126" t="s">
        <v>8</v>
      </c>
      <c r="K7" s="372"/>
    </row>
    <row r="8" spans="2:11" ht="14.25" customHeight="1" x14ac:dyDescent="0.15">
      <c r="B8" s="119"/>
      <c r="C8" s="124"/>
      <c r="D8" s="125"/>
      <c r="E8" s="122"/>
      <c r="F8" s="240" t="s">
        <v>133</v>
      </c>
      <c r="G8" s="243" t="s">
        <v>116</v>
      </c>
      <c r="H8" s="243" t="s">
        <v>117</v>
      </c>
      <c r="I8" s="126" t="s">
        <v>11</v>
      </c>
      <c r="J8" s="126" t="s">
        <v>12</v>
      </c>
      <c r="K8" s="372"/>
    </row>
    <row r="9" spans="2:11" ht="7.5" customHeight="1" x14ac:dyDescent="0.15">
      <c r="B9" s="127"/>
      <c r="C9" s="244"/>
      <c r="D9" s="245"/>
      <c r="E9" s="246"/>
      <c r="F9" s="131"/>
      <c r="G9" s="247"/>
      <c r="H9" s="247"/>
      <c r="I9" s="247"/>
      <c r="J9" s="247"/>
      <c r="K9" s="248"/>
    </row>
    <row r="10" spans="2:11" ht="7.5" customHeight="1" x14ac:dyDescent="0.15">
      <c r="B10" s="115"/>
      <c r="C10" s="236"/>
      <c r="D10" s="236"/>
      <c r="E10" s="187"/>
      <c r="F10" s="116"/>
      <c r="G10" s="236"/>
      <c r="H10" s="236"/>
      <c r="I10" s="236"/>
      <c r="J10" s="249"/>
      <c r="K10" s="250"/>
    </row>
    <row r="11" spans="2:11" ht="14.25" customHeight="1" x14ac:dyDescent="0.15">
      <c r="B11" s="119"/>
      <c r="C11" s="113" t="s">
        <v>232</v>
      </c>
      <c r="D11" s="113" t="s">
        <v>153</v>
      </c>
      <c r="E11" s="140">
        <v>70</v>
      </c>
      <c r="F11" s="114">
        <v>56</v>
      </c>
      <c r="G11" s="251" t="s">
        <v>128</v>
      </c>
      <c r="H11" s="251" t="s">
        <v>128</v>
      </c>
      <c r="I11" s="252">
        <v>14</v>
      </c>
      <c r="J11" s="137">
        <v>0.25</v>
      </c>
      <c r="K11" s="253">
        <v>0.41</v>
      </c>
    </row>
    <row r="12" spans="2:11" ht="14.25" customHeight="1" x14ac:dyDescent="0.15">
      <c r="B12" s="119"/>
      <c r="C12" s="113" t="s">
        <v>56</v>
      </c>
      <c r="D12" s="113" t="s">
        <v>153</v>
      </c>
      <c r="E12" s="140">
        <v>70</v>
      </c>
      <c r="F12" s="114">
        <v>56</v>
      </c>
      <c r="G12" s="251" t="s">
        <v>128</v>
      </c>
      <c r="H12" s="251" t="s">
        <v>128</v>
      </c>
      <c r="I12" s="252">
        <v>11</v>
      </c>
      <c r="J12" s="137">
        <v>0.2</v>
      </c>
      <c r="K12" s="253">
        <v>0.25</v>
      </c>
    </row>
    <row r="13" spans="2:11" ht="14.25" customHeight="1" x14ac:dyDescent="0.15">
      <c r="B13" s="119"/>
      <c r="C13" s="113" t="s">
        <v>58</v>
      </c>
      <c r="D13" s="113" t="s">
        <v>153</v>
      </c>
      <c r="E13" s="140">
        <v>70</v>
      </c>
      <c r="F13" s="114">
        <v>56</v>
      </c>
      <c r="G13" s="251" t="s">
        <v>128</v>
      </c>
      <c r="H13" s="251" t="s">
        <v>128</v>
      </c>
      <c r="I13" s="252">
        <v>15</v>
      </c>
      <c r="J13" s="137">
        <v>0.27</v>
      </c>
      <c r="K13" s="253">
        <v>0.23</v>
      </c>
    </row>
    <row r="14" spans="2:11" ht="14.25" customHeight="1" x14ac:dyDescent="0.15">
      <c r="B14" s="119"/>
      <c r="C14" s="113" t="s">
        <v>109</v>
      </c>
      <c r="D14" s="113" t="s">
        <v>153</v>
      </c>
      <c r="E14" s="140">
        <v>70</v>
      </c>
      <c r="F14" s="114">
        <v>56</v>
      </c>
      <c r="G14" s="251" t="s">
        <v>128</v>
      </c>
      <c r="H14" s="251" t="s">
        <v>128</v>
      </c>
      <c r="I14" s="252">
        <v>5</v>
      </c>
      <c r="J14" s="137">
        <v>0.09</v>
      </c>
      <c r="K14" s="253">
        <v>0.23</v>
      </c>
    </row>
    <row r="15" spans="2:11" ht="21.75" customHeight="1" x14ac:dyDescent="0.15">
      <c r="B15" s="119"/>
      <c r="C15" s="113" t="s">
        <v>233</v>
      </c>
      <c r="D15" s="113" t="s">
        <v>153</v>
      </c>
      <c r="E15" s="140">
        <v>140</v>
      </c>
      <c r="F15" s="114">
        <v>112</v>
      </c>
      <c r="G15" s="251" t="s">
        <v>128</v>
      </c>
      <c r="H15" s="251" t="s">
        <v>128</v>
      </c>
      <c r="I15" s="252">
        <v>25</v>
      </c>
      <c r="J15" s="137">
        <v>0.22</v>
      </c>
      <c r="K15" s="253">
        <v>0.26</v>
      </c>
    </row>
    <row r="16" spans="2:11" ht="14.1" customHeight="1" x14ac:dyDescent="0.15">
      <c r="B16" s="119"/>
      <c r="C16" s="113" t="s">
        <v>234</v>
      </c>
      <c r="D16" s="113" t="s">
        <v>235</v>
      </c>
      <c r="E16" s="140">
        <v>132</v>
      </c>
      <c r="F16" s="114">
        <v>132</v>
      </c>
      <c r="G16" s="252">
        <v>89</v>
      </c>
      <c r="H16" s="252">
        <v>13</v>
      </c>
      <c r="I16" s="252">
        <v>102</v>
      </c>
      <c r="J16" s="137">
        <v>0.77</v>
      </c>
      <c r="K16" s="253">
        <v>0.61</v>
      </c>
    </row>
    <row r="17" spans="2:11" ht="14.1" customHeight="1" x14ac:dyDescent="0.15">
      <c r="B17" s="119"/>
      <c r="C17" s="113" t="s">
        <v>236</v>
      </c>
      <c r="D17" s="113" t="s">
        <v>153</v>
      </c>
      <c r="E17" s="140">
        <v>70</v>
      </c>
      <c r="F17" s="114">
        <v>56</v>
      </c>
      <c r="G17" s="252">
        <v>24</v>
      </c>
      <c r="H17" s="252">
        <v>0</v>
      </c>
      <c r="I17" s="252">
        <v>24</v>
      </c>
      <c r="J17" s="137">
        <v>0.43</v>
      </c>
      <c r="K17" s="253">
        <v>0.34</v>
      </c>
    </row>
    <row r="18" spans="2:11" ht="14.25" customHeight="1" x14ac:dyDescent="0.15">
      <c r="B18" s="119"/>
      <c r="C18" s="113" t="s">
        <v>237</v>
      </c>
      <c r="D18" s="113" t="s">
        <v>153</v>
      </c>
      <c r="E18" s="140">
        <v>70</v>
      </c>
      <c r="F18" s="114">
        <v>56</v>
      </c>
      <c r="G18" s="252">
        <v>8</v>
      </c>
      <c r="H18" s="252">
        <v>1</v>
      </c>
      <c r="I18" s="252">
        <v>9</v>
      </c>
      <c r="J18" s="137">
        <v>0.16</v>
      </c>
      <c r="K18" s="253">
        <v>0.38</v>
      </c>
    </row>
    <row r="19" spans="2:11" ht="7.5" customHeight="1" x14ac:dyDescent="0.15">
      <c r="B19" s="119"/>
      <c r="C19" s="254"/>
      <c r="D19" s="254"/>
      <c r="E19" s="140"/>
      <c r="F19" s="114"/>
      <c r="G19" s="252"/>
      <c r="H19" s="252"/>
      <c r="I19" s="252"/>
      <c r="J19" s="137"/>
      <c r="K19" s="253"/>
    </row>
    <row r="20" spans="2:11" ht="7.5" customHeight="1" x14ac:dyDescent="0.15">
      <c r="B20" s="142"/>
      <c r="C20" s="255"/>
      <c r="D20" s="255"/>
      <c r="E20" s="145"/>
      <c r="F20" s="146"/>
      <c r="G20" s="256"/>
      <c r="H20" s="256"/>
      <c r="I20" s="256"/>
      <c r="J20" s="147"/>
      <c r="K20" s="257"/>
    </row>
    <row r="21" spans="2:11" ht="14.25" customHeight="1" x14ac:dyDescent="0.15">
      <c r="B21" s="119"/>
      <c r="C21" s="374" t="s">
        <v>138</v>
      </c>
      <c r="D21" s="375"/>
      <c r="E21" s="258">
        <v>692</v>
      </c>
      <c r="F21" s="258">
        <v>580</v>
      </c>
      <c r="G21" s="252" t="s">
        <v>128</v>
      </c>
      <c r="H21" s="252" t="s">
        <v>128</v>
      </c>
      <c r="I21" s="259">
        <v>205</v>
      </c>
      <c r="J21" s="260">
        <v>0.35</v>
      </c>
      <c r="K21" s="261">
        <v>0.32</v>
      </c>
    </row>
    <row r="22" spans="2:11" ht="7.5" customHeight="1" x14ac:dyDescent="0.15">
      <c r="B22" s="127"/>
      <c r="C22" s="262"/>
      <c r="D22" s="262"/>
      <c r="E22" s="151"/>
      <c r="F22" s="152"/>
      <c r="G22" s="263"/>
      <c r="H22" s="263"/>
      <c r="I22" s="263"/>
      <c r="J22" s="154"/>
      <c r="K22" s="264"/>
    </row>
    <row r="23" spans="2:11" ht="11.1" customHeight="1" x14ac:dyDescent="0.15">
      <c r="B23"/>
      <c r="D23" s="254"/>
      <c r="E23" s="114"/>
      <c r="F23" s="114"/>
      <c r="G23" s="252"/>
      <c r="H23" s="252"/>
      <c r="I23" s="252"/>
      <c r="J23" s="234"/>
      <c r="K23" s="114"/>
    </row>
    <row r="24" spans="2:11" ht="11.1" customHeight="1" x14ac:dyDescent="0.15">
      <c r="C24" s="265"/>
      <c r="D24" s="265"/>
      <c r="E24" s="265"/>
      <c r="F24" s="265"/>
      <c r="G24" s="265"/>
      <c r="H24" s="265"/>
      <c r="I24" s="265"/>
      <c r="J24" s="265"/>
      <c r="K24" s="265"/>
    </row>
    <row r="25" spans="2:11" ht="13.5" customHeight="1" x14ac:dyDescent="0.15">
      <c r="B25" s="113" t="s">
        <v>238</v>
      </c>
      <c r="E25" s="114"/>
      <c r="F25" s="114"/>
      <c r="J25" s="234"/>
      <c r="K25" s="235"/>
    </row>
    <row r="26" spans="2:11" ht="7.5" customHeight="1" x14ac:dyDescent="0.15">
      <c r="B26" s="115"/>
      <c r="C26" s="116"/>
      <c r="D26" s="116"/>
      <c r="E26" s="171"/>
      <c r="F26" s="116"/>
      <c r="G26" s="236"/>
      <c r="H26" s="236"/>
      <c r="I26" s="236"/>
      <c r="J26" s="236"/>
      <c r="K26" s="237"/>
    </row>
    <row r="27" spans="2:11" ht="14.25" customHeight="1" x14ac:dyDescent="0.15">
      <c r="B27" s="119"/>
      <c r="E27" s="121" t="s">
        <v>227</v>
      </c>
      <c r="F27" s="238" t="s">
        <v>228</v>
      </c>
      <c r="G27" s="266">
        <v>45687</v>
      </c>
      <c r="H27" s="242"/>
      <c r="I27" s="242"/>
      <c r="J27" s="18">
        <v>45687</v>
      </c>
      <c r="K27" s="371" t="s">
        <v>4</v>
      </c>
    </row>
    <row r="28" spans="2:11" ht="14.25" customHeight="1" x14ac:dyDescent="0.15">
      <c r="B28" s="119"/>
      <c r="C28" s="113" t="s">
        <v>5</v>
      </c>
      <c r="D28" s="113" t="s">
        <v>239</v>
      </c>
      <c r="E28" s="122" t="s">
        <v>230</v>
      </c>
      <c r="F28" s="240" t="s">
        <v>231</v>
      </c>
      <c r="G28" s="267" t="s">
        <v>7</v>
      </c>
      <c r="H28" s="267"/>
      <c r="I28" s="267"/>
      <c r="J28" s="126" t="s">
        <v>8</v>
      </c>
      <c r="K28" s="372"/>
    </row>
    <row r="29" spans="2:11" ht="14.25" customHeight="1" x14ac:dyDescent="0.15">
      <c r="B29" s="119"/>
      <c r="C29" s="124"/>
      <c r="D29" s="125"/>
      <c r="E29" s="122"/>
      <c r="F29" s="240" t="s">
        <v>133</v>
      </c>
      <c r="G29" s="268" t="s">
        <v>11</v>
      </c>
      <c r="H29" s="269"/>
      <c r="I29" s="270"/>
      <c r="J29" s="126" t="s">
        <v>12</v>
      </c>
      <c r="K29" s="372"/>
    </row>
    <row r="30" spans="2:11" ht="7.5" customHeight="1" x14ac:dyDescent="0.15">
      <c r="B30" s="127"/>
      <c r="C30" s="244"/>
      <c r="D30" s="245"/>
      <c r="E30" s="246"/>
      <c r="F30" s="131"/>
      <c r="G30" s="271"/>
      <c r="H30" s="244"/>
      <c r="I30" s="245"/>
      <c r="J30" s="247"/>
      <c r="K30" s="248"/>
    </row>
    <row r="31" spans="2:11" ht="7.5" customHeight="1" x14ac:dyDescent="0.15">
      <c r="B31" s="115"/>
      <c r="C31" s="124"/>
      <c r="D31" s="124"/>
      <c r="E31" s="187"/>
      <c r="G31" s="124"/>
      <c r="H31" s="124"/>
      <c r="I31" s="124"/>
      <c r="J31" s="125"/>
      <c r="K31" s="250"/>
    </row>
    <row r="32" spans="2:11" ht="13.5" customHeight="1" x14ac:dyDescent="0.15">
      <c r="B32" s="119"/>
      <c r="C32" s="113" t="s">
        <v>240</v>
      </c>
      <c r="D32" s="113" t="s">
        <v>241</v>
      </c>
      <c r="E32" s="140">
        <v>35</v>
      </c>
      <c r="F32" s="114">
        <v>28</v>
      </c>
      <c r="G32" s="251"/>
      <c r="H32" s="251"/>
      <c r="I32" s="252">
        <v>3</v>
      </c>
      <c r="J32" s="137">
        <v>0.11</v>
      </c>
      <c r="K32" s="253">
        <v>0.21</v>
      </c>
    </row>
    <row r="33" spans="2:11" ht="21.75" customHeight="1" x14ac:dyDescent="0.15">
      <c r="B33" s="119"/>
      <c r="C33" s="113" t="s">
        <v>242</v>
      </c>
      <c r="D33" s="113" t="s">
        <v>243</v>
      </c>
      <c r="E33" s="140">
        <v>35</v>
      </c>
      <c r="F33" s="114">
        <v>28</v>
      </c>
      <c r="G33" s="251"/>
      <c r="H33" s="251"/>
      <c r="I33" s="252">
        <v>14</v>
      </c>
      <c r="J33" s="137">
        <v>0.5</v>
      </c>
      <c r="K33" s="253">
        <v>0.36</v>
      </c>
    </row>
    <row r="34" spans="2:11" ht="7.5" customHeight="1" x14ac:dyDescent="0.15">
      <c r="B34" s="119"/>
      <c r="C34" s="254"/>
      <c r="D34" s="254"/>
      <c r="E34" s="140"/>
      <c r="F34" s="114"/>
      <c r="G34" s="252"/>
      <c r="H34" s="252"/>
      <c r="I34" s="252"/>
      <c r="J34" s="137"/>
      <c r="K34" s="272"/>
    </row>
    <row r="35" spans="2:11" ht="7.5" customHeight="1" x14ac:dyDescent="0.15">
      <c r="B35" s="142"/>
      <c r="C35" s="255"/>
      <c r="D35" s="255"/>
      <c r="E35" s="145"/>
      <c r="F35" s="146"/>
      <c r="G35" s="256"/>
      <c r="H35" s="256"/>
      <c r="I35" s="256"/>
      <c r="J35" s="147"/>
      <c r="K35" s="273"/>
    </row>
    <row r="36" spans="2:11" x14ac:dyDescent="0.15">
      <c r="B36" s="119"/>
      <c r="C36" s="374" t="s">
        <v>138</v>
      </c>
      <c r="D36" s="375"/>
      <c r="E36" s="274">
        <v>70</v>
      </c>
      <c r="F36" s="258">
        <v>56</v>
      </c>
      <c r="G36" s="275"/>
      <c r="I36" s="275">
        <v>17</v>
      </c>
      <c r="J36" s="260">
        <v>0.3</v>
      </c>
      <c r="K36" s="261">
        <v>0.18</v>
      </c>
    </row>
    <row r="37" spans="2:11" ht="7.5" customHeight="1" x14ac:dyDescent="0.15">
      <c r="B37" s="127"/>
      <c r="C37" s="262"/>
      <c r="D37" s="262"/>
      <c r="E37" s="151"/>
      <c r="F37" s="152"/>
      <c r="G37" s="263"/>
      <c r="H37" s="263"/>
      <c r="I37" s="263"/>
      <c r="J37" s="154"/>
      <c r="K37" s="132"/>
    </row>
    <row r="38" spans="2:11" ht="13.5" customHeight="1" x14ac:dyDescent="0.15">
      <c r="B38" s="392" t="s">
        <v>244</v>
      </c>
      <c r="C38" s="392"/>
      <c r="D38" s="392"/>
      <c r="E38" s="392"/>
      <c r="F38" s="392"/>
      <c r="G38" s="392"/>
      <c r="H38" s="392"/>
      <c r="I38" s="392"/>
      <c r="J38" s="392"/>
      <c r="K38" s="392"/>
    </row>
    <row r="39" spans="2:11" ht="11.1" customHeight="1" x14ac:dyDescent="0.15">
      <c r="D39" s="254"/>
      <c r="E39" s="114"/>
      <c r="F39" s="114"/>
      <c r="G39" s="251"/>
      <c r="H39" s="276"/>
      <c r="I39" s="276"/>
      <c r="J39" s="234"/>
      <c r="K39" s="114"/>
    </row>
    <row r="40" spans="2:11" ht="15.75" customHeight="1" x14ac:dyDescent="0.15">
      <c r="B40" s="113" t="s">
        <v>245</v>
      </c>
      <c r="E40" s="114"/>
      <c r="F40" s="114"/>
      <c r="J40" s="234"/>
      <c r="K40" s="235"/>
    </row>
    <row r="41" spans="2:11" ht="7.5" customHeight="1" x14ac:dyDescent="0.15">
      <c r="B41" s="115"/>
      <c r="C41" s="116"/>
      <c r="D41" s="116"/>
      <c r="E41" s="171"/>
      <c r="F41" s="116"/>
      <c r="G41" s="236"/>
      <c r="H41" s="236"/>
      <c r="I41" s="236"/>
      <c r="J41" s="236"/>
      <c r="K41" s="237"/>
    </row>
    <row r="42" spans="2:11" ht="14.25" customHeight="1" x14ac:dyDescent="0.15">
      <c r="B42" s="119"/>
      <c r="E42" s="121" t="s">
        <v>227</v>
      </c>
      <c r="F42" s="238" t="s">
        <v>228</v>
      </c>
      <c r="G42" s="266">
        <v>45687</v>
      </c>
      <c r="H42" s="242"/>
      <c r="I42" s="242"/>
      <c r="J42" s="18">
        <v>45687</v>
      </c>
      <c r="K42" s="371" t="s">
        <v>4</v>
      </c>
    </row>
    <row r="43" spans="2:11" ht="14.25" customHeight="1" x14ac:dyDescent="0.15">
      <c r="B43" s="119"/>
      <c r="C43" s="113" t="s">
        <v>5</v>
      </c>
      <c r="D43" s="113" t="s">
        <v>239</v>
      </c>
      <c r="E43" s="122" t="s">
        <v>230</v>
      </c>
      <c r="F43" s="240" t="s">
        <v>231</v>
      </c>
      <c r="G43" s="267" t="s">
        <v>7</v>
      </c>
      <c r="H43" s="267"/>
      <c r="I43" s="267"/>
      <c r="J43" s="126" t="s">
        <v>8</v>
      </c>
      <c r="K43" s="372"/>
    </row>
    <row r="44" spans="2:11" ht="14.25" customHeight="1" x14ac:dyDescent="0.15">
      <c r="B44" s="119"/>
      <c r="C44" s="124"/>
      <c r="D44" s="125"/>
      <c r="E44" s="122"/>
      <c r="F44" s="240" t="s">
        <v>133</v>
      </c>
      <c r="G44" s="268" t="s">
        <v>11</v>
      </c>
      <c r="H44" s="269"/>
      <c r="I44" s="270"/>
      <c r="J44" s="126" t="s">
        <v>12</v>
      </c>
      <c r="K44" s="372"/>
    </row>
    <row r="45" spans="2:11" ht="7.5" customHeight="1" x14ac:dyDescent="0.15">
      <c r="B45" s="127"/>
      <c r="C45" s="244"/>
      <c r="D45" s="245"/>
      <c r="E45" s="246"/>
      <c r="F45" s="131"/>
      <c r="G45" s="271"/>
      <c r="H45" s="244"/>
      <c r="I45" s="245"/>
      <c r="J45" s="247"/>
      <c r="K45" s="248"/>
    </row>
    <row r="46" spans="2:11" ht="7.5" customHeight="1" x14ac:dyDescent="0.15">
      <c r="B46" s="115"/>
      <c r="C46" s="124"/>
      <c r="D46" s="124"/>
      <c r="E46" s="187"/>
      <c r="G46" s="124"/>
      <c r="H46" s="124"/>
      <c r="I46" s="124"/>
      <c r="J46" s="125"/>
      <c r="K46" s="250"/>
    </row>
    <row r="47" spans="2:11" x14ac:dyDescent="0.15">
      <c r="B47" s="119"/>
      <c r="C47" s="113" t="s">
        <v>242</v>
      </c>
      <c r="D47" s="113" t="s">
        <v>246</v>
      </c>
      <c r="E47" s="140">
        <v>35</v>
      </c>
      <c r="F47" s="114">
        <v>28</v>
      </c>
      <c r="G47" s="251"/>
      <c r="H47" s="251"/>
      <c r="I47" s="252">
        <v>5</v>
      </c>
      <c r="J47" s="137">
        <v>0.18</v>
      </c>
      <c r="K47" s="253">
        <v>0.14000000000000001</v>
      </c>
    </row>
    <row r="48" spans="2:11" ht="7.5" customHeight="1" x14ac:dyDescent="0.15">
      <c r="B48" s="127"/>
      <c r="C48" s="262"/>
      <c r="D48" s="262"/>
      <c r="E48" s="151"/>
      <c r="F48" s="152"/>
      <c r="G48" s="263"/>
      <c r="H48" s="263"/>
      <c r="I48" s="263"/>
      <c r="J48" s="154"/>
      <c r="K48" s="132"/>
    </row>
    <row r="49" spans="2:11" ht="7.5" customHeight="1" x14ac:dyDescent="0.15">
      <c r="C49" s="254"/>
      <c r="D49" s="254"/>
      <c r="E49" s="114"/>
      <c r="F49" s="114"/>
      <c r="G49" s="252"/>
      <c r="H49" s="252"/>
      <c r="I49" s="252"/>
      <c r="J49" s="234"/>
      <c r="K49" s="114"/>
    </row>
    <row r="50" spans="2:11" x14ac:dyDescent="0.15">
      <c r="E50" s="114"/>
      <c r="F50" s="114"/>
      <c r="J50" s="234"/>
      <c r="K50" s="235"/>
    </row>
    <row r="51" spans="2:11" x14ac:dyDescent="0.15">
      <c r="B51" s="113" t="s">
        <v>247</v>
      </c>
      <c r="E51" s="114"/>
      <c r="F51" s="114"/>
      <c r="J51" s="234"/>
      <c r="K51" s="235"/>
    </row>
    <row r="52" spans="2:11" ht="7.5" customHeight="1" x14ac:dyDescent="0.15">
      <c r="B52" s="115"/>
      <c r="C52" s="116"/>
      <c r="D52" s="116"/>
      <c r="E52" s="171"/>
      <c r="F52" s="116"/>
      <c r="G52" s="236"/>
      <c r="H52" s="236"/>
      <c r="I52" s="236"/>
      <c r="J52" s="236"/>
      <c r="K52" s="237"/>
    </row>
    <row r="53" spans="2:11" ht="14.25" customHeight="1" x14ac:dyDescent="0.15">
      <c r="B53" s="119"/>
      <c r="E53" s="121" t="s">
        <v>227</v>
      </c>
      <c r="F53" s="238" t="s">
        <v>228</v>
      </c>
      <c r="G53" s="266">
        <v>45687</v>
      </c>
      <c r="H53" s="242"/>
      <c r="I53" s="242"/>
      <c r="J53" s="18">
        <v>45687</v>
      </c>
      <c r="K53" s="371" t="s">
        <v>4</v>
      </c>
    </row>
    <row r="54" spans="2:11" ht="14.25" customHeight="1" x14ac:dyDescent="0.15">
      <c r="B54" s="119"/>
      <c r="C54" s="113" t="s">
        <v>5</v>
      </c>
      <c r="D54" s="113" t="s">
        <v>229</v>
      </c>
      <c r="E54" s="122" t="s">
        <v>230</v>
      </c>
      <c r="F54" s="240" t="s">
        <v>231</v>
      </c>
      <c r="G54" s="267" t="s">
        <v>7</v>
      </c>
      <c r="H54" s="267"/>
      <c r="I54" s="267"/>
      <c r="J54" s="126" t="s">
        <v>8</v>
      </c>
      <c r="K54" s="372"/>
    </row>
    <row r="55" spans="2:11" ht="14.25" customHeight="1" x14ac:dyDescent="0.15">
      <c r="B55" s="119"/>
      <c r="C55" s="124"/>
      <c r="D55" s="125"/>
      <c r="E55" s="122"/>
      <c r="F55" s="240" t="s">
        <v>133</v>
      </c>
      <c r="G55" s="268" t="s">
        <v>11</v>
      </c>
      <c r="H55" s="269"/>
      <c r="I55" s="270"/>
      <c r="J55" s="126" t="s">
        <v>12</v>
      </c>
      <c r="K55" s="372"/>
    </row>
    <row r="56" spans="2:11" ht="7.5" customHeight="1" x14ac:dyDescent="0.15">
      <c r="B56" s="127"/>
      <c r="C56" s="244"/>
      <c r="D56" s="245"/>
      <c r="E56" s="246"/>
      <c r="F56" s="131"/>
      <c r="G56" s="271"/>
      <c r="H56" s="244"/>
      <c r="I56" s="245"/>
      <c r="J56" s="247"/>
      <c r="K56" s="248"/>
    </row>
    <row r="57" spans="2:11" ht="7.5" customHeight="1" x14ac:dyDescent="0.15">
      <c r="B57" s="115"/>
      <c r="C57" s="124"/>
      <c r="D57" s="124"/>
      <c r="E57" s="187"/>
      <c r="G57" s="124"/>
      <c r="H57" s="124"/>
      <c r="I57" s="124"/>
      <c r="J57" s="125"/>
      <c r="K57" s="250"/>
    </row>
    <row r="58" spans="2:11" ht="13.5" customHeight="1" x14ac:dyDescent="0.15">
      <c r="B58" s="119"/>
      <c r="C58" s="113" t="s">
        <v>248</v>
      </c>
      <c r="D58" s="113" t="s">
        <v>249</v>
      </c>
      <c r="E58" s="140">
        <v>70</v>
      </c>
      <c r="F58" s="114">
        <v>56</v>
      </c>
      <c r="G58" s="251"/>
      <c r="I58" s="251">
        <v>14</v>
      </c>
      <c r="J58" s="137">
        <v>0.25</v>
      </c>
      <c r="K58" s="277" t="s">
        <v>128</v>
      </c>
    </row>
    <row r="59" spans="2:11" ht="22.5" customHeight="1" x14ac:dyDescent="0.15">
      <c r="B59" s="119"/>
      <c r="C59" s="113" t="s">
        <v>193</v>
      </c>
      <c r="D59" s="113" t="s">
        <v>250</v>
      </c>
      <c r="E59" s="140">
        <v>125</v>
      </c>
      <c r="F59" s="114">
        <v>125</v>
      </c>
      <c r="G59" s="251"/>
      <c r="H59" s="251"/>
      <c r="I59" s="252">
        <v>127</v>
      </c>
      <c r="J59" s="137">
        <v>1.02</v>
      </c>
      <c r="K59" s="253">
        <v>0.84</v>
      </c>
    </row>
    <row r="60" spans="2:11" ht="13.5" customHeight="1" x14ac:dyDescent="0.15">
      <c r="B60" s="119"/>
      <c r="C60" s="113" t="s">
        <v>171</v>
      </c>
      <c r="D60" s="113" t="s">
        <v>251</v>
      </c>
      <c r="E60" s="140">
        <v>125</v>
      </c>
      <c r="F60" s="114">
        <v>125</v>
      </c>
      <c r="G60" s="251"/>
      <c r="H60" s="251"/>
      <c r="I60" s="252">
        <v>52</v>
      </c>
      <c r="J60" s="137">
        <v>0.42</v>
      </c>
      <c r="K60" s="253">
        <v>0.43</v>
      </c>
    </row>
    <row r="61" spans="2:11" ht="13.5" customHeight="1" x14ac:dyDescent="0.15">
      <c r="B61" s="119"/>
      <c r="D61" s="222" t="s">
        <v>152</v>
      </c>
      <c r="E61" s="274">
        <v>250</v>
      </c>
      <c r="F61" s="258">
        <v>250</v>
      </c>
      <c r="G61" s="275"/>
      <c r="I61" s="275">
        <v>179</v>
      </c>
      <c r="J61" s="260">
        <v>0.72</v>
      </c>
      <c r="K61" s="261">
        <v>0.64</v>
      </c>
    </row>
    <row r="62" spans="2:11" ht="22.5" customHeight="1" x14ac:dyDescent="0.15">
      <c r="B62" s="119"/>
      <c r="C62" s="113" t="s">
        <v>252</v>
      </c>
      <c r="D62" s="113" t="s">
        <v>226</v>
      </c>
      <c r="E62" s="140">
        <v>70</v>
      </c>
      <c r="F62" s="114">
        <v>70</v>
      </c>
      <c r="G62" s="251"/>
      <c r="H62" s="251"/>
      <c r="I62" s="252">
        <v>51</v>
      </c>
      <c r="J62" s="137">
        <v>0.73</v>
      </c>
      <c r="K62" s="253">
        <v>1.26</v>
      </c>
    </row>
    <row r="63" spans="2:11" x14ac:dyDescent="0.15">
      <c r="B63" s="119"/>
      <c r="C63" s="113" t="s">
        <v>65</v>
      </c>
      <c r="D63" s="113" t="s">
        <v>226</v>
      </c>
      <c r="E63" s="140">
        <v>70</v>
      </c>
      <c r="F63" s="114">
        <v>56</v>
      </c>
      <c r="G63" s="251"/>
      <c r="H63" s="251"/>
      <c r="I63" s="252">
        <v>28</v>
      </c>
      <c r="J63" s="137">
        <v>0.5</v>
      </c>
      <c r="K63" s="253">
        <v>0.41</v>
      </c>
    </row>
    <row r="64" spans="2:11" x14ac:dyDescent="0.15">
      <c r="B64" s="119"/>
      <c r="C64" s="113" t="s">
        <v>181</v>
      </c>
      <c r="D64" s="113" t="s">
        <v>249</v>
      </c>
      <c r="E64" s="140">
        <v>70</v>
      </c>
      <c r="F64" s="114">
        <v>56</v>
      </c>
      <c r="G64" s="251"/>
      <c r="H64" s="251"/>
      <c r="I64" s="252">
        <v>34</v>
      </c>
      <c r="J64" s="137">
        <v>0.61</v>
      </c>
      <c r="K64" s="253">
        <v>0.64</v>
      </c>
    </row>
    <row r="65" spans="2:11" x14ac:dyDescent="0.15">
      <c r="B65" s="119"/>
      <c r="C65" s="113" t="s">
        <v>253</v>
      </c>
      <c r="D65" s="113" t="s">
        <v>226</v>
      </c>
      <c r="E65" s="140">
        <v>70</v>
      </c>
      <c r="F65" s="114">
        <v>56</v>
      </c>
      <c r="G65" s="251"/>
      <c r="H65" s="251"/>
      <c r="I65" s="252">
        <v>22</v>
      </c>
      <c r="J65" s="137">
        <v>0.39</v>
      </c>
      <c r="K65" s="253">
        <v>0.36</v>
      </c>
    </row>
    <row r="66" spans="2:11" x14ac:dyDescent="0.15">
      <c r="B66" s="119"/>
      <c r="C66" s="113" t="s">
        <v>222</v>
      </c>
      <c r="D66" s="113" t="s">
        <v>226</v>
      </c>
      <c r="E66" s="140">
        <v>105</v>
      </c>
      <c r="F66" s="114">
        <v>105</v>
      </c>
      <c r="G66" s="251"/>
      <c r="H66" s="251"/>
      <c r="I66" s="252">
        <v>55</v>
      </c>
      <c r="J66" s="137">
        <v>0.52</v>
      </c>
      <c r="K66" s="253">
        <v>0.59</v>
      </c>
    </row>
    <row r="67" spans="2:11" ht="21.75" customHeight="1" x14ac:dyDescent="0.15">
      <c r="B67" s="119"/>
      <c r="C67" s="113" t="s">
        <v>196</v>
      </c>
      <c r="D67" s="113" t="s">
        <v>250</v>
      </c>
      <c r="E67" s="140">
        <v>125</v>
      </c>
      <c r="F67" s="114">
        <v>125</v>
      </c>
      <c r="G67" s="251"/>
      <c r="H67" s="251"/>
      <c r="I67" s="252">
        <v>84</v>
      </c>
      <c r="J67" s="137">
        <v>0.67</v>
      </c>
      <c r="K67" s="253">
        <v>0.86</v>
      </c>
    </row>
    <row r="68" spans="2:11" x14ac:dyDescent="0.15">
      <c r="B68" s="119"/>
      <c r="C68" s="113" t="s">
        <v>171</v>
      </c>
      <c r="D68" s="113" t="s">
        <v>251</v>
      </c>
      <c r="E68" s="140">
        <v>125</v>
      </c>
      <c r="F68" s="114">
        <v>125</v>
      </c>
      <c r="G68" s="251"/>
      <c r="H68" s="251"/>
      <c r="I68" s="252">
        <v>60</v>
      </c>
      <c r="J68" s="137">
        <v>0.48</v>
      </c>
      <c r="K68" s="253">
        <v>0.78</v>
      </c>
    </row>
    <row r="69" spans="2:11" x14ac:dyDescent="0.15">
      <c r="B69" s="119"/>
      <c r="D69" s="222" t="s">
        <v>152</v>
      </c>
      <c r="E69" s="274">
        <v>250</v>
      </c>
      <c r="F69" s="258">
        <v>250</v>
      </c>
      <c r="G69" s="275"/>
      <c r="I69" s="275">
        <v>144</v>
      </c>
      <c r="J69" s="260">
        <v>0.57999999999999996</v>
      </c>
      <c r="K69" s="261">
        <v>0.82</v>
      </c>
    </row>
    <row r="70" spans="2:11" ht="23.25" customHeight="1" x14ac:dyDescent="0.15">
      <c r="B70" s="119"/>
      <c r="C70" s="113" t="s">
        <v>254</v>
      </c>
      <c r="D70" s="113" t="s">
        <v>226</v>
      </c>
      <c r="E70" s="140">
        <v>105</v>
      </c>
      <c r="F70" s="114">
        <v>84</v>
      </c>
      <c r="G70" s="251"/>
      <c r="H70" s="251"/>
      <c r="I70" s="252">
        <v>28</v>
      </c>
      <c r="J70" s="137">
        <v>0.33</v>
      </c>
      <c r="K70" s="277" t="s">
        <v>128</v>
      </c>
    </row>
    <row r="71" spans="2:11" ht="7.5" customHeight="1" x14ac:dyDescent="0.15">
      <c r="B71" s="119"/>
      <c r="C71" s="254"/>
      <c r="D71" s="254"/>
      <c r="E71" s="140"/>
      <c r="F71" s="114"/>
      <c r="G71" s="252"/>
      <c r="H71" s="252"/>
      <c r="I71" s="252"/>
      <c r="J71" s="137"/>
      <c r="K71" s="253"/>
    </row>
    <row r="72" spans="2:11" ht="7.5" customHeight="1" x14ac:dyDescent="0.15">
      <c r="B72" s="142"/>
      <c r="C72" s="255"/>
      <c r="D72" s="255"/>
      <c r="E72" s="145"/>
      <c r="F72" s="146"/>
      <c r="G72" s="256"/>
      <c r="H72" s="256"/>
      <c r="I72" s="256"/>
      <c r="J72" s="147"/>
      <c r="K72" s="257"/>
    </row>
    <row r="73" spans="2:11" x14ac:dyDescent="0.15">
      <c r="B73" s="119"/>
      <c r="C73" s="374" t="s">
        <v>138</v>
      </c>
      <c r="D73" s="375"/>
      <c r="E73" s="274">
        <v>1060</v>
      </c>
      <c r="F73" s="258">
        <v>983</v>
      </c>
      <c r="G73" s="275"/>
      <c r="I73" s="275">
        <v>555</v>
      </c>
      <c r="J73" s="260">
        <v>0.56000000000000005</v>
      </c>
      <c r="K73" s="261">
        <v>0.7</v>
      </c>
    </row>
    <row r="74" spans="2:11" ht="7.5" customHeight="1" x14ac:dyDescent="0.15">
      <c r="B74" s="127"/>
      <c r="C74" s="262"/>
      <c r="D74" s="262"/>
      <c r="E74" s="151"/>
      <c r="F74" s="152"/>
      <c r="G74" s="263"/>
      <c r="H74" s="263"/>
      <c r="I74" s="263"/>
      <c r="J74" s="154"/>
      <c r="K74" s="132"/>
    </row>
    <row r="75" spans="2:11" ht="11.1" customHeight="1" x14ac:dyDescent="0.15">
      <c r="B75" s="394"/>
      <c r="C75" s="394"/>
      <c r="D75" s="394"/>
      <c r="E75" s="394"/>
      <c r="F75" s="394"/>
      <c r="G75" s="394"/>
      <c r="H75" s="394"/>
      <c r="I75" s="394"/>
      <c r="J75" s="394"/>
      <c r="K75" s="394"/>
    </row>
    <row r="76" spans="2:11" x14ac:dyDescent="0.15">
      <c r="B76" s="113" t="s">
        <v>255</v>
      </c>
      <c r="E76" s="114"/>
      <c r="F76" s="114"/>
      <c r="J76" s="234"/>
      <c r="K76" s="235"/>
    </row>
    <row r="77" spans="2:11" ht="7.5" customHeight="1" x14ac:dyDescent="0.15">
      <c r="B77" s="115"/>
      <c r="C77" s="116"/>
      <c r="D77" s="116"/>
      <c r="E77" s="171"/>
      <c r="F77" s="116"/>
      <c r="G77" s="236"/>
      <c r="H77" s="236"/>
      <c r="I77" s="236"/>
      <c r="J77" s="236"/>
      <c r="K77" s="237"/>
    </row>
    <row r="78" spans="2:11" ht="14.25" customHeight="1" x14ac:dyDescent="0.15">
      <c r="B78" s="119"/>
      <c r="E78" s="121" t="s">
        <v>227</v>
      </c>
      <c r="F78" s="238" t="s">
        <v>228</v>
      </c>
      <c r="G78" s="94" t="s">
        <v>256</v>
      </c>
      <c r="H78" s="239"/>
      <c r="I78" s="239"/>
      <c r="J78" s="18">
        <v>45687</v>
      </c>
      <c r="K78" s="371" t="s">
        <v>4</v>
      </c>
    </row>
    <row r="79" spans="2:11" ht="14.25" customHeight="1" x14ac:dyDescent="0.15">
      <c r="B79" s="119"/>
      <c r="C79" s="113" t="s">
        <v>5</v>
      </c>
      <c r="D79" s="113" t="s">
        <v>229</v>
      </c>
      <c r="E79" s="122" t="s">
        <v>230</v>
      </c>
      <c r="F79" s="240" t="s">
        <v>231</v>
      </c>
      <c r="G79" s="241" t="s">
        <v>112</v>
      </c>
      <c r="H79" s="241" t="s">
        <v>112</v>
      </c>
      <c r="I79" s="242" t="s">
        <v>113</v>
      </c>
      <c r="J79" s="126" t="s">
        <v>8</v>
      </c>
      <c r="K79" s="372"/>
    </row>
    <row r="80" spans="2:11" ht="14.25" customHeight="1" x14ac:dyDescent="0.15">
      <c r="B80" s="119"/>
      <c r="C80" s="124"/>
      <c r="D80" s="124"/>
      <c r="E80" s="122"/>
      <c r="F80" s="240" t="s">
        <v>133</v>
      </c>
      <c r="G80" s="243" t="s">
        <v>116</v>
      </c>
      <c r="H80" s="243" t="s">
        <v>117</v>
      </c>
      <c r="I80" s="126" t="s">
        <v>11</v>
      </c>
      <c r="J80" s="126" t="s">
        <v>12</v>
      </c>
      <c r="K80" s="372"/>
    </row>
    <row r="81" spans="2:11" ht="7.5" customHeight="1" x14ac:dyDescent="0.15">
      <c r="B81" s="127"/>
      <c r="C81" s="244"/>
      <c r="D81" s="244"/>
      <c r="E81" s="246"/>
      <c r="F81" s="131"/>
      <c r="G81" s="247"/>
      <c r="H81" s="247"/>
      <c r="I81" s="247"/>
      <c r="J81" s="247"/>
      <c r="K81" s="248"/>
    </row>
    <row r="82" spans="2:11" ht="7.5" customHeight="1" x14ac:dyDescent="0.15">
      <c r="B82" s="115"/>
      <c r="C82" s="124"/>
      <c r="D82" s="124"/>
      <c r="E82" s="187"/>
      <c r="G82" s="124"/>
      <c r="H82" s="124"/>
      <c r="I82" s="124"/>
      <c r="J82" s="125"/>
      <c r="K82" s="250"/>
    </row>
    <row r="83" spans="2:11" ht="13.5" customHeight="1" x14ac:dyDescent="0.15">
      <c r="B83" s="119"/>
      <c r="C83" s="113" t="s">
        <v>257</v>
      </c>
      <c r="D83" s="113" t="s">
        <v>258</v>
      </c>
      <c r="E83" s="140">
        <v>144</v>
      </c>
      <c r="F83" s="235">
        <v>144</v>
      </c>
      <c r="G83" s="252">
        <v>134</v>
      </c>
      <c r="H83" s="252">
        <v>12</v>
      </c>
      <c r="I83" s="252">
        <v>146</v>
      </c>
      <c r="J83" s="137">
        <v>1.01</v>
      </c>
      <c r="K83" s="253">
        <v>0.91</v>
      </c>
    </row>
    <row r="84" spans="2:11" x14ac:dyDescent="0.15">
      <c r="B84" s="119"/>
      <c r="C84" s="113" t="s">
        <v>171</v>
      </c>
      <c r="D84" s="113" t="s">
        <v>259</v>
      </c>
      <c r="E84" s="140">
        <v>98</v>
      </c>
      <c r="F84" s="235">
        <v>98</v>
      </c>
      <c r="G84" s="252">
        <v>98</v>
      </c>
      <c r="H84" s="252">
        <v>5</v>
      </c>
      <c r="I84" s="252">
        <v>103</v>
      </c>
      <c r="J84" s="137">
        <v>1.05</v>
      </c>
      <c r="K84" s="253">
        <v>1.44</v>
      </c>
    </row>
    <row r="85" spans="2:11" x14ac:dyDescent="0.15">
      <c r="B85" s="119"/>
      <c r="C85" s="113" t="s">
        <v>171</v>
      </c>
      <c r="D85" s="113" t="s">
        <v>260</v>
      </c>
      <c r="E85" s="140">
        <v>108</v>
      </c>
      <c r="F85" s="235">
        <v>108</v>
      </c>
      <c r="G85" s="252">
        <v>37</v>
      </c>
      <c r="H85" s="252">
        <v>1</v>
      </c>
      <c r="I85" s="252">
        <v>38</v>
      </c>
      <c r="J85" s="137">
        <v>0.35</v>
      </c>
      <c r="K85" s="253">
        <v>0.41</v>
      </c>
    </row>
    <row r="86" spans="2:11" x14ac:dyDescent="0.15">
      <c r="B86" s="119"/>
      <c r="D86" s="222" t="s">
        <v>152</v>
      </c>
      <c r="E86" s="274">
        <v>350</v>
      </c>
      <c r="F86" s="278">
        <v>350</v>
      </c>
      <c r="G86" s="258">
        <v>269</v>
      </c>
      <c r="H86" s="258">
        <v>18</v>
      </c>
      <c r="I86" s="258">
        <v>287</v>
      </c>
      <c r="J86" s="260">
        <v>0.82</v>
      </c>
      <c r="K86" s="261">
        <v>0.9</v>
      </c>
    </row>
    <row r="87" spans="2:11" ht="21.75" customHeight="1" x14ac:dyDescent="0.15">
      <c r="B87" s="119"/>
      <c r="C87" s="113" t="s">
        <v>261</v>
      </c>
      <c r="D87" s="113" t="s">
        <v>262</v>
      </c>
      <c r="E87" s="140">
        <v>70</v>
      </c>
      <c r="F87" s="114">
        <v>56</v>
      </c>
      <c r="G87" s="251" t="s">
        <v>128</v>
      </c>
      <c r="H87" s="251" t="s">
        <v>128</v>
      </c>
      <c r="I87" s="252">
        <v>41</v>
      </c>
      <c r="J87" s="137">
        <v>0.73</v>
      </c>
      <c r="K87" s="253">
        <v>0.71</v>
      </c>
    </row>
    <row r="88" spans="2:11" ht="7.5" customHeight="1" x14ac:dyDescent="0.15">
      <c r="B88" s="119"/>
      <c r="C88" s="254"/>
      <c r="D88" s="254"/>
      <c r="E88" s="140"/>
      <c r="F88" s="114"/>
      <c r="G88" s="252"/>
      <c r="H88" s="252"/>
      <c r="I88" s="252"/>
      <c r="J88" s="137"/>
      <c r="K88" s="279"/>
    </row>
    <row r="89" spans="2:11" ht="7.5" customHeight="1" x14ac:dyDescent="0.15">
      <c r="B89" s="142"/>
      <c r="C89" s="255"/>
      <c r="D89" s="255"/>
      <c r="E89" s="145"/>
      <c r="F89" s="146"/>
      <c r="G89" s="256"/>
      <c r="H89" s="256"/>
      <c r="I89" s="256"/>
      <c r="J89" s="147"/>
      <c r="K89" s="280"/>
    </row>
    <row r="90" spans="2:11" x14ac:dyDescent="0.15">
      <c r="B90" s="119"/>
      <c r="C90" s="374" t="s">
        <v>138</v>
      </c>
      <c r="D90" s="375"/>
      <c r="E90" s="274">
        <v>420</v>
      </c>
      <c r="F90" s="258">
        <v>406</v>
      </c>
      <c r="G90" s="281" t="s">
        <v>263</v>
      </c>
      <c r="H90" s="281" t="s">
        <v>263</v>
      </c>
      <c r="I90" s="258">
        <v>328</v>
      </c>
      <c r="J90" s="260">
        <v>0.81</v>
      </c>
      <c r="K90" s="261">
        <v>0.64</v>
      </c>
    </row>
    <row r="91" spans="2:11" ht="7.5" customHeight="1" x14ac:dyDescent="0.15">
      <c r="B91" s="127"/>
      <c r="C91" s="262"/>
      <c r="D91" s="262"/>
      <c r="E91" s="151"/>
      <c r="F91" s="152"/>
      <c r="G91" s="263"/>
      <c r="H91" s="263"/>
      <c r="I91" s="263"/>
      <c r="J91" s="154"/>
      <c r="K91" s="132"/>
    </row>
    <row r="92" spans="2:11" ht="11.1" customHeight="1" x14ac:dyDescent="0.15">
      <c r="D92" s="265"/>
      <c r="E92" s="265"/>
      <c r="F92" s="265"/>
      <c r="G92" s="265"/>
      <c r="H92" s="265"/>
      <c r="I92" s="265"/>
      <c r="J92" s="265"/>
      <c r="K92" s="265"/>
    </row>
    <row r="93" spans="2:11" ht="13.5" customHeight="1" x14ac:dyDescent="0.15">
      <c r="B93" s="113" t="s">
        <v>264</v>
      </c>
      <c r="E93" s="114"/>
      <c r="F93" s="114"/>
      <c r="J93" s="234"/>
      <c r="K93" s="235"/>
    </row>
    <row r="94" spans="2:11" ht="7.5" customHeight="1" x14ac:dyDescent="0.15">
      <c r="B94" s="115"/>
      <c r="C94" s="116"/>
      <c r="D94" s="116"/>
      <c r="E94" s="171"/>
      <c r="F94" s="116"/>
      <c r="G94" s="236"/>
      <c r="H94" s="236"/>
      <c r="I94" s="236"/>
      <c r="J94" s="236"/>
      <c r="K94" s="237"/>
    </row>
    <row r="95" spans="2:11" ht="14.25" customHeight="1" x14ac:dyDescent="0.15">
      <c r="B95" s="119"/>
      <c r="E95" s="121" t="s">
        <v>227</v>
      </c>
      <c r="F95" s="238" t="s">
        <v>228</v>
      </c>
      <c r="G95" s="266">
        <v>45687</v>
      </c>
      <c r="H95" s="242"/>
      <c r="I95" s="242"/>
      <c r="J95" s="18">
        <v>45687</v>
      </c>
      <c r="K95" s="371" t="s">
        <v>4</v>
      </c>
    </row>
    <row r="96" spans="2:11" ht="14.25" customHeight="1" x14ac:dyDescent="0.15">
      <c r="B96" s="119"/>
      <c r="C96" s="113" t="s">
        <v>5</v>
      </c>
      <c r="D96" s="113" t="s">
        <v>239</v>
      </c>
      <c r="E96" s="122" t="s">
        <v>230</v>
      </c>
      <c r="F96" s="240" t="s">
        <v>231</v>
      </c>
      <c r="G96" s="267" t="s">
        <v>7</v>
      </c>
      <c r="H96" s="267"/>
      <c r="I96" s="267"/>
      <c r="J96" s="126" t="s">
        <v>8</v>
      </c>
      <c r="K96" s="372"/>
    </row>
    <row r="97" spans="2:11" ht="14.25" customHeight="1" x14ac:dyDescent="0.15">
      <c r="B97" s="119"/>
      <c r="C97" s="124"/>
      <c r="D97" s="125"/>
      <c r="E97" s="122"/>
      <c r="F97" s="240" t="s">
        <v>133</v>
      </c>
      <c r="G97" s="268" t="s">
        <v>11</v>
      </c>
      <c r="H97" s="269"/>
      <c r="I97" s="270"/>
      <c r="J97" s="126" t="s">
        <v>12</v>
      </c>
      <c r="K97" s="372"/>
    </row>
    <row r="98" spans="2:11" ht="7.5" customHeight="1" x14ac:dyDescent="0.15">
      <c r="B98" s="127"/>
      <c r="C98" s="244"/>
      <c r="D98" s="245"/>
      <c r="E98" s="246"/>
      <c r="F98" s="131"/>
      <c r="G98" s="271"/>
      <c r="H98" s="244"/>
      <c r="I98" s="245"/>
      <c r="J98" s="247"/>
      <c r="K98" s="248"/>
    </row>
    <row r="99" spans="2:11" ht="7.5" customHeight="1" x14ac:dyDescent="0.15">
      <c r="B99" s="115"/>
      <c r="C99" s="124"/>
      <c r="D99" s="124"/>
      <c r="E99" s="187"/>
      <c r="G99" s="124"/>
      <c r="H99" s="124"/>
      <c r="I99" s="124"/>
      <c r="J99" s="125"/>
      <c r="K99" s="250"/>
    </row>
    <row r="100" spans="2:11" ht="14.25" customHeight="1" x14ac:dyDescent="0.15">
      <c r="B100" s="119"/>
      <c r="C100" s="113" t="s">
        <v>265</v>
      </c>
      <c r="D100" s="113" t="s">
        <v>170</v>
      </c>
      <c r="E100" s="140">
        <v>35</v>
      </c>
      <c r="F100" s="114">
        <v>28</v>
      </c>
      <c r="G100" s="251"/>
      <c r="H100" s="251"/>
      <c r="I100" s="252">
        <v>2</v>
      </c>
      <c r="J100" s="137">
        <v>7.0000000000000007E-2</v>
      </c>
      <c r="K100" s="253">
        <v>0.11</v>
      </c>
    </row>
    <row r="101" spans="2:11" ht="14.25" customHeight="1" x14ac:dyDescent="0.15">
      <c r="B101" s="119"/>
      <c r="C101" s="113" t="s">
        <v>171</v>
      </c>
      <c r="D101" s="113" t="s">
        <v>172</v>
      </c>
      <c r="E101" s="140">
        <v>35</v>
      </c>
      <c r="F101" s="114">
        <v>28</v>
      </c>
      <c r="G101" s="251"/>
      <c r="H101" s="251"/>
      <c r="I101" s="252">
        <v>8</v>
      </c>
      <c r="J101" s="137">
        <v>0.28999999999999998</v>
      </c>
      <c r="K101" s="253">
        <v>0.25</v>
      </c>
    </row>
    <row r="102" spans="2:11" ht="14.25" customHeight="1" x14ac:dyDescent="0.15">
      <c r="B102" s="119"/>
      <c r="C102" s="113" t="s">
        <v>171</v>
      </c>
      <c r="D102" s="113" t="s">
        <v>173</v>
      </c>
      <c r="E102" s="140">
        <v>35</v>
      </c>
      <c r="F102" s="114">
        <v>28</v>
      </c>
      <c r="G102" s="251"/>
      <c r="H102" s="251"/>
      <c r="I102" s="252">
        <v>6</v>
      </c>
      <c r="J102" s="137">
        <v>0.21</v>
      </c>
      <c r="K102" s="253">
        <v>0.04</v>
      </c>
    </row>
    <row r="103" spans="2:11" x14ac:dyDescent="0.15">
      <c r="B103" s="119"/>
      <c r="D103" s="222" t="s">
        <v>152</v>
      </c>
      <c r="E103" s="274">
        <v>105</v>
      </c>
      <c r="F103" s="278">
        <v>84</v>
      </c>
      <c r="G103" s="258"/>
      <c r="H103" s="258"/>
      <c r="I103" s="258">
        <v>16</v>
      </c>
      <c r="J103" s="260">
        <v>0.19</v>
      </c>
      <c r="K103" s="261">
        <v>0.13</v>
      </c>
    </row>
    <row r="104" spans="2:11" ht="7.5" customHeight="1" x14ac:dyDescent="0.15">
      <c r="B104" s="127"/>
      <c r="C104" s="262"/>
      <c r="D104" s="262"/>
      <c r="E104" s="151"/>
      <c r="F104" s="152"/>
      <c r="G104" s="263"/>
      <c r="H104" s="263"/>
      <c r="I104" s="263"/>
      <c r="J104" s="154"/>
      <c r="K104" s="132"/>
    </row>
    <row r="105" spans="2:11" ht="24" customHeight="1" x14ac:dyDescent="0.15">
      <c r="B105" s="391" t="s">
        <v>266</v>
      </c>
      <c r="C105" s="391"/>
      <c r="D105" s="391"/>
      <c r="E105" s="391"/>
      <c r="F105" s="391"/>
      <c r="G105" s="391"/>
      <c r="H105" s="391"/>
      <c r="I105" s="391"/>
      <c r="J105" s="391"/>
      <c r="K105" s="391"/>
    </row>
    <row r="106" spans="2:11" ht="10.5" customHeight="1" x14ac:dyDescent="0.15">
      <c r="B106" s="282"/>
      <c r="C106" s="282"/>
      <c r="D106" s="282"/>
      <c r="E106" s="282"/>
      <c r="F106" s="282"/>
      <c r="G106" s="282"/>
      <c r="H106" s="282"/>
      <c r="I106" s="282"/>
      <c r="J106" s="282"/>
      <c r="K106" s="282"/>
    </row>
    <row r="107" spans="2:11" x14ac:dyDescent="0.15">
      <c r="B107" s="113" t="s">
        <v>267</v>
      </c>
      <c r="E107" s="114"/>
      <c r="F107" s="114"/>
      <c r="J107" s="234"/>
      <c r="K107" s="235"/>
    </row>
    <row r="108" spans="2:11" x14ac:dyDescent="0.15">
      <c r="B108" s="113" t="s">
        <v>268</v>
      </c>
      <c r="E108" s="114"/>
      <c r="F108" s="114"/>
      <c r="J108" s="234"/>
      <c r="K108" s="235"/>
    </row>
    <row r="109" spans="2:11" ht="7.5" customHeight="1" x14ac:dyDescent="0.15">
      <c r="B109" s="115"/>
      <c r="C109" s="116"/>
      <c r="D109" s="116"/>
      <c r="E109" s="171"/>
      <c r="F109" s="116"/>
      <c r="G109" s="236"/>
      <c r="H109" s="236"/>
      <c r="I109" s="236"/>
      <c r="J109" s="236"/>
      <c r="K109" s="237"/>
    </row>
    <row r="110" spans="2:11" ht="14.25" customHeight="1" x14ac:dyDescent="0.15">
      <c r="B110" s="119"/>
      <c r="E110" s="121" t="s">
        <v>227</v>
      </c>
      <c r="F110" s="238" t="s">
        <v>228</v>
      </c>
      <c r="G110" s="266">
        <v>45687</v>
      </c>
      <c r="H110" s="242"/>
      <c r="I110" s="242"/>
      <c r="J110" s="18">
        <v>45687</v>
      </c>
      <c r="K110" s="371" t="s">
        <v>4</v>
      </c>
    </row>
    <row r="111" spans="2:11" ht="14.25" customHeight="1" x14ac:dyDescent="0.15">
      <c r="B111" s="119"/>
      <c r="C111" s="113" t="s">
        <v>5</v>
      </c>
      <c r="D111" s="113" t="s">
        <v>239</v>
      </c>
      <c r="E111" s="122" t="s">
        <v>230</v>
      </c>
      <c r="F111" s="240" t="s">
        <v>231</v>
      </c>
      <c r="G111" s="267" t="s">
        <v>7</v>
      </c>
      <c r="H111" s="267"/>
      <c r="I111" s="267"/>
      <c r="J111" s="126" t="s">
        <v>8</v>
      </c>
      <c r="K111" s="372"/>
    </row>
    <row r="112" spans="2:11" ht="14.25" customHeight="1" x14ac:dyDescent="0.15">
      <c r="B112" s="119"/>
      <c r="C112" s="124"/>
      <c r="D112" s="125"/>
      <c r="E112" s="122"/>
      <c r="F112" s="240" t="s">
        <v>133</v>
      </c>
      <c r="G112" s="268" t="s">
        <v>11</v>
      </c>
      <c r="H112" s="269"/>
      <c r="I112" s="270"/>
      <c r="J112" s="126" t="s">
        <v>12</v>
      </c>
      <c r="K112" s="372"/>
    </row>
    <row r="113" spans="2:11" ht="7.5" customHeight="1" x14ac:dyDescent="0.15">
      <c r="B113" s="127"/>
      <c r="C113" s="244"/>
      <c r="D113" s="245"/>
      <c r="E113" s="246"/>
      <c r="F113" s="131"/>
      <c r="G113" s="271"/>
      <c r="H113" s="244"/>
      <c r="I113" s="245"/>
      <c r="J113" s="247"/>
      <c r="K113" s="248"/>
    </row>
    <row r="114" spans="2:11" ht="7.5" customHeight="1" x14ac:dyDescent="0.15">
      <c r="B114" s="115"/>
      <c r="C114" s="236"/>
      <c r="D114" s="236"/>
      <c r="E114" s="187"/>
      <c r="F114" s="116"/>
      <c r="G114" s="236"/>
      <c r="H114" s="236"/>
      <c r="I114" s="236"/>
      <c r="J114" s="249"/>
      <c r="K114" s="250"/>
    </row>
    <row r="115" spans="2:11" ht="14.25" customHeight="1" x14ac:dyDescent="0.15">
      <c r="B115" s="119"/>
      <c r="C115" s="113" t="s">
        <v>269</v>
      </c>
      <c r="D115" s="113" t="s">
        <v>153</v>
      </c>
      <c r="E115" s="140">
        <v>1250</v>
      </c>
      <c r="F115" s="114">
        <v>1000</v>
      </c>
      <c r="G115" s="251"/>
      <c r="H115" s="251"/>
      <c r="I115" s="252">
        <v>408</v>
      </c>
      <c r="J115" s="137">
        <v>0.41</v>
      </c>
      <c r="K115" s="253">
        <v>0.4</v>
      </c>
    </row>
    <row r="116" spans="2:11" ht="14.25" customHeight="1" x14ac:dyDescent="0.15">
      <c r="B116" s="119"/>
      <c r="C116" s="113" t="s">
        <v>270</v>
      </c>
      <c r="D116" s="113" t="s">
        <v>153</v>
      </c>
      <c r="E116" s="140">
        <v>270</v>
      </c>
      <c r="F116" s="114">
        <v>216</v>
      </c>
      <c r="G116" s="251"/>
      <c r="H116" s="251"/>
      <c r="I116" s="252">
        <v>133</v>
      </c>
      <c r="J116" s="137">
        <v>0.62</v>
      </c>
      <c r="K116" s="253">
        <v>0.57999999999999996</v>
      </c>
    </row>
    <row r="117" spans="2:11" ht="7.5" customHeight="1" x14ac:dyDescent="0.15">
      <c r="B117" s="119"/>
      <c r="C117" s="254"/>
      <c r="D117" s="254"/>
      <c r="E117" s="140"/>
      <c r="F117" s="114"/>
      <c r="G117" s="252"/>
      <c r="H117" s="252"/>
      <c r="I117" s="252"/>
      <c r="J117" s="137"/>
      <c r="K117" s="279"/>
    </row>
    <row r="118" spans="2:11" ht="7.5" customHeight="1" x14ac:dyDescent="0.15">
      <c r="B118" s="142"/>
      <c r="C118" s="143"/>
      <c r="D118" s="255"/>
      <c r="E118" s="145"/>
      <c r="F118" s="146"/>
      <c r="G118" s="256"/>
      <c r="H118" s="256"/>
      <c r="I118" s="256"/>
      <c r="J118" s="147"/>
      <c r="K118" s="280"/>
    </row>
    <row r="119" spans="2:11" x14ac:dyDescent="0.15">
      <c r="B119" s="119"/>
      <c r="C119" s="374" t="s">
        <v>138</v>
      </c>
      <c r="D119" s="375"/>
      <c r="E119" s="274">
        <v>1520</v>
      </c>
      <c r="F119" s="258">
        <v>1216</v>
      </c>
      <c r="G119" s="275"/>
      <c r="I119" s="275">
        <v>541</v>
      </c>
      <c r="J119" s="260">
        <v>0.44</v>
      </c>
      <c r="K119" s="261">
        <v>0.43</v>
      </c>
    </row>
    <row r="120" spans="2:11" ht="7.5" customHeight="1" x14ac:dyDescent="0.15">
      <c r="B120" s="127"/>
      <c r="C120" s="128"/>
      <c r="D120" s="128"/>
      <c r="E120" s="283"/>
      <c r="F120" s="128"/>
      <c r="G120" s="128"/>
      <c r="H120" s="128"/>
      <c r="I120" s="128"/>
      <c r="J120" s="284"/>
      <c r="K120" s="285"/>
    </row>
  </sheetData>
  <mergeCells count="15">
    <mergeCell ref="K42:K44"/>
    <mergeCell ref="K6:K8"/>
    <mergeCell ref="C21:D21"/>
    <mergeCell ref="K27:K29"/>
    <mergeCell ref="C36:D36"/>
    <mergeCell ref="B38:K38"/>
    <mergeCell ref="B105:K105"/>
    <mergeCell ref="K110:K112"/>
    <mergeCell ref="C119:D119"/>
    <mergeCell ref="K53:K55"/>
    <mergeCell ref="C73:D73"/>
    <mergeCell ref="B75:K75"/>
    <mergeCell ref="K78:K80"/>
    <mergeCell ref="C90:D90"/>
    <mergeCell ref="K95:K97"/>
  </mergeCells>
  <phoneticPr fontId="3"/>
  <pageMargins left="0.78740157480314965" right="0.78740157480314965" top="0.78740157480314965" bottom="0.59055118110236227" header="0.35433070866141736" footer="0.19685039370078741"/>
  <pageSetup paperSize="9" scale="93" firstPageNumber="11" orientation="portrait" useFirstPageNumber="1" r:id="rId1"/>
  <headerFooter alignWithMargins="0">
    <oddFooter>&amp;C&amp;"ＭＳ ゴシック,標準"&amp;P</oddFooter>
  </headerFooter>
  <rowBreaks count="1" manualBreakCount="1">
    <brk id="50" max="10"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8175CA-4C2C-4D31-B225-02968EF67106}">
  <dimension ref="A1:H127"/>
  <sheetViews>
    <sheetView view="pageBreakPreview" zoomScale="98" zoomScaleNormal="85" zoomScaleSheetLayoutView="98" workbookViewId="0"/>
  </sheetViews>
  <sheetFormatPr defaultColWidth="9" defaultRowHeight="13.5" x14ac:dyDescent="0.15"/>
  <cols>
    <col min="1" max="2" width="1.5" style="164" customWidth="1"/>
    <col min="3" max="3" width="18.625" style="164" customWidth="1"/>
    <col min="4" max="4" width="28.25" style="164" customWidth="1"/>
    <col min="5" max="5" width="10.25" style="164" bestFit="1" customWidth="1"/>
    <col min="6" max="7" width="9" style="164"/>
    <col min="8" max="8" width="9" style="164" customWidth="1"/>
    <col min="9" max="16384" width="9" style="164"/>
  </cols>
  <sheetData>
    <row r="1" spans="1:8" s="157" customFormat="1" ht="14.25" x14ac:dyDescent="0.15">
      <c r="A1" s="156" t="s">
        <v>140</v>
      </c>
      <c r="C1" s="158"/>
      <c r="E1" s="159"/>
      <c r="G1" s="160"/>
      <c r="H1" s="161"/>
    </row>
    <row r="2" spans="1:8" s="157" customFormat="1" ht="9.6" customHeight="1" x14ac:dyDescent="0.15">
      <c r="A2" s="162"/>
      <c r="C2" s="163" t="s">
        <v>141</v>
      </c>
      <c r="E2" s="159"/>
      <c r="F2" s="163" t="s">
        <v>141</v>
      </c>
      <c r="G2" s="160"/>
      <c r="H2" s="161"/>
    </row>
    <row r="3" spans="1:8" ht="14.25" customHeight="1" x14ac:dyDescent="0.15">
      <c r="B3" s="164" t="s">
        <v>142</v>
      </c>
      <c r="E3" s="165"/>
      <c r="F3" s="166"/>
      <c r="G3" s="167"/>
      <c r="H3" s="168"/>
    </row>
    <row r="4" spans="1:8" ht="7.5" customHeight="1" x14ac:dyDescent="0.15">
      <c r="B4" s="169"/>
      <c r="C4" s="170"/>
      <c r="D4" s="170"/>
      <c r="E4" s="171"/>
      <c r="F4" s="172"/>
      <c r="G4" s="172"/>
      <c r="H4" s="173"/>
    </row>
    <row r="5" spans="1:8" ht="14.25" customHeight="1" x14ac:dyDescent="0.15">
      <c r="B5" s="174"/>
      <c r="E5" s="15"/>
      <c r="F5" s="175">
        <v>45687</v>
      </c>
      <c r="G5" s="175">
        <v>45687</v>
      </c>
      <c r="H5" s="371" t="s">
        <v>4</v>
      </c>
    </row>
    <row r="6" spans="1:8" ht="14.25" customHeight="1" x14ac:dyDescent="0.15">
      <c r="B6" s="174"/>
      <c r="C6" s="113" t="s">
        <v>5</v>
      </c>
      <c r="D6" s="113" t="s">
        <v>143</v>
      </c>
      <c r="E6" s="21" t="s">
        <v>132</v>
      </c>
      <c r="F6" s="176" t="s">
        <v>144</v>
      </c>
      <c r="G6" s="176" t="s">
        <v>8</v>
      </c>
      <c r="H6" s="372"/>
    </row>
    <row r="7" spans="1:8" ht="14.25" customHeight="1" x14ac:dyDescent="0.15">
      <c r="B7" s="174"/>
      <c r="C7" s="177"/>
      <c r="D7" s="178"/>
      <c r="E7" s="179" t="s">
        <v>145</v>
      </c>
      <c r="F7" s="180" t="s">
        <v>11</v>
      </c>
      <c r="G7" s="176" t="s">
        <v>12</v>
      </c>
      <c r="H7" s="372"/>
    </row>
    <row r="8" spans="1:8" ht="7.5" customHeight="1" x14ac:dyDescent="0.15">
      <c r="B8" s="181"/>
      <c r="C8" s="182"/>
      <c r="D8" s="183"/>
      <c r="E8" s="31"/>
      <c r="F8" s="184"/>
      <c r="G8" s="185"/>
      <c r="H8" s="186"/>
    </row>
    <row r="9" spans="1:8" ht="7.5" customHeight="1" x14ac:dyDescent="0.15">
      <c r="B9" s="169"/>
      <c r="C9" s="172"/>
      <c r="D9" s="172"/>
      <c r="E9" s="187"/>
      <c r="F9" s="172"/>
      <c r="G9" s="172"/>
      <c r="H9" s="188"/>
    </row>
    <row r="10" spans="1:8" ht="14.25" customHeight="1" x14ac:dyDescent="0.15">
      <c r="B10" s="174"/>
      <c r="C10" s="164" t="s">
        <v>146</v>
      </c>
      <c r="D10" s="164" t="s">
        <v>147</v>
      </c>
      <c r="E10" s="189">
        <v>10</v>
      </c>
      <c r="F10" s="190">
        <v>19</v>
      </c>
      <c r="G10" s="191">
        <v>1.9</v>
      </c>
      <c r="H10" s="192">
        <v>1.5</v>
      </c>
    </row>
    <row r="11" spans="1:8" ht="21.75" customHeight="1" x14ac:dyDescent="0.15">
      <c r="B11" s="174"/>
      <c r="C11" s="164" t="s">
        <v>148</v>
      </c>
      <c r="D11" s="164" t="s">
        <v>149</v>
      </c>
      <c r="E11" s="189">
        <v>20</v>
      </c>
      <c r="F11" s="190">
        <v>13</v>
      </c>
      <c r="G11" s="191">
        <v>0.65</v>
      </c>
      <c r="H11" s="192">
        <v>0.8</v>
      </c>
    </row>
    <row r="12" spans="1:8" ht="14.25" customHeight="1" x14ac:dyDescent="0.15">
      <c r="B12" s="174"/>
      <c r="C12" s="164" t="s">
        <v>150</v>
      </c>
      <c r="D12" s="193" t="s">
        <v>151</v>
      </c>
      <c r="E12" s="189">
        <v>5</v>
      </c>
      <c r="F12" s="190">
        <v>5</v>
      </c>
      <c r="G12" s="191">
        <v>1</v>
      </c>
      <c r="H12" s="192">
        <v>1.6</v>
      </c>
    </row>
    <row r="13" spans="1:8" ht="14.25" customHeight="1" x14ac:dyDescent="0.15">
      <c r="B13" s="174"/>
      <c r="D13" s="194" t="s">
        <v>152</v>
      </c>
      <c r="E13" s="195">
        <v>25</v>
      </c>
      <c r="F13" s="196">
        <v>18</v>
      </c>
      <c r="G13" s="197">
        <v>0.72</v>
      </c>
      <c r="H13" s="198">
        <v>0.96</v>
      </c>
    </row>
    <row r="14" spans="1:8" ht="21" customHeight="1" x14ac:dyDescent="0.15">
      <c r="B14" s="174"/>
      <c r="C14" s="164" t="s">
        <v>46</v>
      </c>
      <c r="D14" s="164" t="s">
        <v>153</v>
      </c>
      <c r="E14" s="189">
        <v>10</v>
      </c>
      <c r="F14" s="190">
        <v>9</v>
      </c>
      <c r="G14" s="191">
        <v>0.9</v>
      </c>
      <c r="H14" s="192">
        <v>1.3</v>
      </c>
    </row>
    <row r="15" spans="1:8" ht="14.25" customHeight="1" x14ac:dyDescent="0.15">
      <c r="B15" s="174"/>
      <c r="C15" s="164" t="s">
        <v>154</v>
      </c>
      <c r="D15" s="164" t="s">
        <v>153</v>
      </c>
      <c r="E15" s="189">
        <v>10</v>
      </c>
      <c r="F15" s="190">
        <v>1</v>
      </c>
      <c r="G15" s="191">
        <v>0.1</v>
      </c>
      <c r="H15" s="192">
        <v>0.1</v>
      </c>
    </row>
    <row r="16" spans="1:8" ht="14.25" customHeight="1" x14ac:dyDescent="0.15">
      <c r="B16" s="174"/>
      <c r="C16" s="164" t="s">
        <v>155</v>
      </c>
      <c r="D16" s="164" t="s">
        <v>153</v>
      </c>
      <c r="E16" s="189">
        <v>15</v>
      </c>
      <c r="F16" s="190">
        <v>2</v>
      </c>
      <c r="G16" s="191">
        <v>0.13</v>
      </c>
      <c r="H16" s="192">
        <v>0.27</v>
      </c>
    </row>
    <row r="17" spans="2:8" ht="14.25" customHeight="1" x14ac:dyDescent="0.15">
      <c r="B17" s="174"/>
      <c r="C17" s="164" t="s">
        <v>156</v>
      </c>
      <c r="D17" s="164" t="s">
        <v>157</v>
      </c>
      <c r="E17" s="189">
        <v>5</v>
      </c>
      <c r="F17" s="190">
        <v>5</v>
      </c>
      <c r="G17" s="191">
        <v>1</v>
      </c>
      <c r="H17" s="192">
        <v>1</v>
      </c>
    </row>
    <row r="18" spans="2:8" ht="14.25" customHeight="1" x14ac:dyDescent="0.15">
      <c r="B18" s="174"/>
      <c r="C18" s="164" t="s">
        <v>158</v>
      </c>
      <c r="D18" s="164" t="s">
        <v>153</v>
      </c>
      <c r="E18" s="189">
        <v>10</v>
      </c>
      <c r="F18" s="190">
        <v>4</v>
      </c>
      <c r="G18" s="191">
        <v>0.4</v>
      </c>
      <c r="H18" s="192">
        <v>0.5</v>
      </c>
    </row>
    <row r="19" spans="2:8" ht="21.75" customHeight="1" x14ac:dyDescent="0.15">
      <c r="B19" s="174"/>
      <c r="C19" s="199" t="s">
        <v>159</v>
      </c>
      <c r="D19" s="199"/>
      <c r="E19" s="195">
        <v>85</v>
      </c>
      <c r="F19" s="196">
        <v>58</v>
      </c>
      <c r="G19" s="197">
        <v>0.68</v>
      </c>
      <c r="H19" s="198">
        <v>0.79</v>
      </c>
    </row>
    <row r="20" spans="2:8" ht="22.5" customHeight="1" x14ac:dyDescent="0.15">
      <c r="B20" s="174"/>
      <c r="C20" s="164" t="s">
        <v>160</v>
      </c>
      <c r="D20" s="164" t="s">
        <v>161</v>
      </c>
      <c r="E20" s="189">
        <v>10</v>
      </c>
      <c r="F20" s="190">
        <v>5</v>
      </c>
      <c r="G20" s="191">
        <v>0.5</v>
      </c>
      <c r="H20" s="192">
        <v>0.2</v>
      </c>
    </row>
    <row r="21" spans="2:8" ht="7.5" customHeight="1" x14ac:dyDescent="0.15">
      <c r="B21" s="174"/>
      <c r="C21" s="200"/>
      <c r="D21" s="200"/>
      <c r="E21" s="189"/>
      <c r="F21" s="190"/>
      <c r="G21" s="167"/>
      <c r="H21" s="192"/>
    </row>
    <row r="22" spans="2:8" ht="7.5" customHeight="1" x14ac:dyDescent="0.15">
      <c r="B22" s="201"/>
      <c r="C22" s="202"/>
      <c r="D22" s="202"/>
      <c r="E22" s="203"/>
      <c r="F22" s="204"/>
      <c r="G22" s="205"/>
      <c r="H22" s="206"/>
    </row>
    <row r="23" spans="2:8" ht="14.25" customHeight="1" x14ac:dyDescent="0.15">
      <c r="B23" s="174"/>
      <c r="C23" s="396" t="s">
        <v>138</v>
      </c>
      <c r="D23" s="397"/>
      <c r="E23" s="195">
        <v>95</v>
      </c>
      <c r="F23" s="196">
        <v>63</v>
      </c>
      <c r="G23" s="197">
        <v>0.66</v>
      </c>
      <c r="H23" s="198">
        <v>0.73</v>
      </c>
    </row>
    <row r="24" spans="2:8" ht="7.5" customHeight="1" x14ac:dyDescent="0.15">
      <c r="B24" s="181"/>
      <c r="C24" s="207"/>
      <c r="D24" s="207"/>
      <c r="E24" s="208"/>
      <c r="F24" s="209"/>
      <c r="G24" s="210"/>
      <c r="H24" s="211"/>
    </row>
    <row r="25" spans="2:8" x14ac:dyDescent="0.15">
      <c r="B25" s="390" t="s">
        <v>162</v>
      </c>
      <c r="C25" s="390"/>
      <c r="D25" s="390"/>
      <c r="E25" s="390"/>
      <c r="F25" s="390"/>
      <c r="G25" s="390"/>
      <c r="H25" s="390"/>
    </row>
    <row r="26" spans="2:8" x14ac:dyDescent="0.15">
      <c r="B26" s="212"/>
      <c r="C26" s="212"/>
      <c r="D26" s="212"/>
      <c r="E26" s="212"/>
      <c r="F26" s="212"/>
      <c r="G26" s="212"/>
      <c r="H26" s="212"/>
    </row>
    <row r="27" spans="2:8" ht="14.25" customHeight="1" x14ac:dyDescent="0.15">
      <c r="B27" s="164" t="s">
        <v>163</v>
      </c>
      <c r="E27" s="165"/>
      <c r="G27" s="167"/>
      <c r="H27" s="168"/>
    </row>
    <row r="28" spans="2:8" ht="7.5" customHeight="1" x14ac:dyDescent="0.15">
      <c r="B28" s="169"/>
      <c r="C28" s="170"/>
      <c r="D28" s="170"/>
      <c r="E28" s="171"/>
      <c r="F28" s="172"/>
      <c r="G28" s="172"/>
      <c r="H28" s="173"/>
    </row>
    <row r="29" spans="2:8" ht="14.25" customHeight="1" x14ac:dyDescent="0.15">
      <c r="B29" s="174"/>
      <c r="E29" s="15"/>
      <c r="F29" s="175">
        <v>45687</v>
      </c>
      <c r="G29" s="175">
        <v>45687</v>
      </c>
      <c r="H29" s="371" t="s">
        <v>4</v>
      </c>
    </row>
    <row r="30" spans="2:8" ht="14.25" customHeight="1" x14ac:dyDescent="0.15">
      <c r="B30" s="174"/>
      <c r="C30" s="113" t="s">
        <v>5</v>
      </c>
      <c r="D30" s="113" t="s">
        <v>164</v>
      </c>
      <c r="E30" s="21" t="s">
        <v>132</v>
      </c>
      <c r="F30" s="176" t="s">
        <v>144</v>
      </c>
      <c r="G30" s="176" t="s">
        <v>8</v>
      </c>
      <c r="H30" s="372"/>
    </row>
    <row r="31" spans="2:8" ht="14.25" customHeight="1" x14ac:dyDescent="0.15">
      <c r="B31" s="174"/>
      <c r="C31" s="177"/>
      <c r="D31" s="178"/>
      <c r="E31" s="179" t="s">
        <v>145</v>
      </c>
      <c r="F31" s="180" t="s">
        <v>11</v>
      </c>
      <c r="G31" s="176" t="s">
        <v>12</v>
      </c>
      <c r="H31" s="372"/>
    </row>
    <row r="32" spans="2:8" ht="7.5" customHeight="1" x14ac:dyDescent="0.15">
      <c r="B32" s="181"/>
      <c r="C32" s="182"/>
      <c r="D32" s="183"/>
      <c r="E32" s="31"/>
      <c r="F32" s="184"/>
      <c r="G32" s="185"/>
      <c r="H32" s="186"/>
    </row>
    <row r="33" spans="2:8" ht="7.5" customHeight="1" x14ac:dyDescent="0.15">
      <c r="B33" s="169"/>
      <c r="C33" s="177"/>
      <c r="D33" s="177"/>
      <c r="E33" s="187"/>
      <c r="F33" s="177"/>
      <c r="G33" s="177"/>
      <c r="H33" s="188"/>
    </row>
    <row r="34" spans="2:8" x14ac:dyDescent="0.15">
      <c r="B34" s="174"/>
      <c r="C34" s="164" t="s">
        <v>165</v>
      </c>
      <c r="D34" s="164" t="s">
        <v>166</v>
      </c>
      <c r="E34" s="189">
        <v>20</v>
      </c>
      <c r="F34" s="190">
        <v>23</v>
      </c>
      <c r="G34" s="191">
        <v>1.1499999999999999</v>
      </c>
      <c r="H34" s="192">
        <v>2</v>
      </c>
    </row>
    <row r="35" spans="2:8" x14ac:dyDescent="0.15">
      <c r="B35" s="174"/>
      <c r="C35" s="164" t="s">
        <v>167</v>
      </c>
      <c r="D35" s="164" t="s">
        <v>168</v>
      </c>
      <c r="E35" s="189">
        <v>13</v>
      </c>
      <c r="F35" s="190">
        <v>18</v>
      </c>
      <c r="G35" s="191">
        <v>1.38</v>
      </c>
      <c r="H35" s="192">
        <v>1.77</v>
      </c>
    </row>
    <row r="36" spans="2:8" ht="18" customHeight="1" x14ac:dyDescent="0.15">
      <c r="B36" s="174"/>
      <c r="C36" s="164" t="s">
        <v>169</v>
      </c>
      <c r="D36" s="164" t="s">
        <v>170</v>
      </c>
      <c r="E36" s="189">
        <v>2</v>
      </c>
      <c r="F36" s="190">
        <v>3</v>
      </c>
      <c r="G36" s="191">
        <v>1.5</v>
      </c>
      <c r="H36" s="213" t="s">
        <v>128</v>
      </c>
    </row>
    <row r="37" spans="2:8" x14ac:dyDescent="0.15">
      <c r="B37" s="174"/>
      <c r="C37" s="164" t="s">
        <v>171</v>
      </c>
      <c r="D37" s="164" t="s">
        <v>172</v>
      </c>
      <c r="E37" s="189">
        <v>2</v>
      </c>
      <c r="F37" s="190">
        <v>2</v>
      </c>
      <c r="G37" s="191">
        <v>1</v>
      </c>
      <c r="H37" s="213" t="s">
        <v>128</v>
      </c>
    </row>
    <row r="38" spans="2:8" x14ac:dyDescent="0.15">
      <c r="B38" s="174"/>
      <c r="C38" s="164" t="s">
        <v>171</v>
      </c>
      <c r="D38" s="164" t="s">
        <v>173</v>
      </c>
      <c r="E38" s="189">
        <v>2</v>
      </c>
      <c r="F38" s="190">
        <v>3</v>
      </c>
      <c r="G38" s="191">
        <v>1.5</v>
      </c>
      <c r="H38" s="213" t="s">
        <v>128</v>
      </c>
    </row>
    <row r="39" spans="2:8" x14ac:dyDescent="0.15">
      <c r="B39" s="174"/>
      <c r="C39" s="164" t="s">
        <v>171</v>
      </c>
      <c r="D39" s="164" t="s">
        <v>174</v>
      </c>
      <c r="E39" s="189">
        <v>2</v>
      </c>
      <c r="F39" s="190">
        <v>1</v>
      </c>
      <c r="G39" s="191">
        <v>0.5</v>
      </c>
      <c r="H39" s="213" t="s">
        <v>128</v>
      </c>
    </row>
    <row r="40" spans="2:8" x14ac:dyDescent="0.15">
      <c r="B40" s="174"/>
      <c r="D40" s="194" t="s">
        <v>152</v>
      </c>
      <c r="E40" s="195">
        <v>8</v>
      </c>
      <c r="F40" s="196">
        <v>9</v>
      </c>
      <c r="G40" s="197">
        <v>1.1299999999999999</v>
      </c>
      <c r="H40" s="213" t="s">
        <v>128</v>
      </c>
    </row>
    <row r="41" spans="2:8" ht="20.25" customHeight="1" x14ac:dyDescent="0.15">
      <c r="B41" s="174"/>
      <c r="C41" s="164" t="s">
        <v>175</v>
      </c>
      <c r="D41" s="164" t="s">
        <v>176</v>
      </c>
      <c r="E41" s="189">
        <v>12</v>
      </c>
      <c r="F41" s="190">
        <v>23</v>
      </c>
      <c r="G41" s="191">
        <v>1.92</v>
      </c>
      <c r="H41" s="192">
        <v>1.1000000000000001</v>
      </c>
    </row>
    <row r="42" spans="2:8" x14ac:dyDescent="0.15">
      <c r="B42" s="174"/>
      <c r="C42" s="164" t="s">
        <v>177</v>
      </c>
      <c r="D42" s="164" t="s">
        <v>168</v>
      </c>
      <c r="E42" s="189">
        <v>13</v>
      </c>
      <c r="F42" s="190">
        <v>18</v>
      </c>
      <c r="G42" s="191">
        <v>1.38</v>
      </c>
      <c r="H42" s="192">
        <v>1.5</v>
      </c>
    </row>
    <row r="43" spans="2:8" x14ac:dyDescent="0.15">
      <c r="B43" s="174"/>
      <c r="C43" s="164" t="s">
        <v>178</v>
      </c>
      <c r="D43" s="164" t="s">
        <v>168</v>
      </c>
      <c r="E43" s="189">
        <v>13</v>
      </c>
      <c r="F43" s="190">
        <v>12</v>
      </c>
      <c r="G43" s="191">
        <v>0.92</v>
      </c>
      <c r="H43" s="192">
        <v>1</v>
      </c>
    </row>
    <row r="44" spans="2:8" x14ac:dyDescent="0.15">
      <c r="B44" s="174"/>
      <c r="C44" s="164" t="s">
        <v>179</v>
      </c>
      <c r="D44" s="164" t="s">
        <v>176</v>
      </c>
      <c r="E44" s="189">
        <v>10</v>
      </c>
      <c r="F44" s="190">
        <v>10</v>
      </c>
      <c r="G44" s="191">
        <v>1</v>
      </c>
      <c r="H44" s="192">
        <v>1.6</v>
      </c>
    </row>
    <row r="45" spans="2:8" x14ac:dyDescent="0.15">
      <c r="B45" s="174"/>
      <c r="C45" s="164" t="s">
        <v>180</v>
      </c>
      <c r="D45" s="164" t="s">
        <v>168</v>
      </c>
      <c r="E45" s="189">
        <v>10</v>
      </c>
      <c r="F45" s="190">
        <v>6</v>
      </c>
      <c r="G45" s="191">
        <v>0.6</v>
      </c>
      <c r="H45" s="192">
        <v>0.9</v>
      </c>
    </row>
    <row r="46" spans="2:8" x14ac:dyDescent="0.15">
      <c r="B46" s="174"/>
      <c r="C46" s="164" t="s">
        <v>181</v>
      </c>
      <c r="D46" s="164" t="s">
        <v>176</v>
      </c>
      <c r="E46" s="189">
        <v>10</v>
      </c>
      <c r="F46" s="190">
        <v>10</v>
      </c>
      <c r="G46" s="191">
        <v>1</v>
      </c>
      <c r="H46" s="192">
        <v>0.8</v>
      </c>
    </row>
    <row r="47" spans="2:8" x14ac:dyDescent="0.15">
      <c r="B47" s="174"/>
      <c r="C47" s="164" t="s">
        <v>182</v>
      </c>
      <c r="D47" s="164" t="s">
        <v>166</v>
      </c>
      <c r="E47" s="189">
        <v>10</v>
      </c>
      <c r="F47" s="190">
        <v>13</v>
      </c>
      <c r="G47" s="191">
        <v>1.3</v>
      </c>
      <c r="H47" s="192">
        <v>0.4</v>
      </c>
    </row>
    <row r="48" spans="2:8" x14ac:dyDescent="0.15">
      <c r="B48" s="174"/>
      <c r="C48" s="164" t="s">
        <v>183</v>
      </c>
      <c r="D48" s="164" t="s">
        <v>176</v>
      </c>
      <c r="E48" s="189">
        <v>10</v>
      </c>
      <c r="F48" s="190">
        <v>16</v>
      </c>
      <c r="G48" s="191">
        <v>1.6</v>
      </c>
      <c r="H48" s="192">
        <v>1.2</v>
      </c>
    </row>
    <row r="49" spans="2:8" x14ac:dyDescent="0.15">
      <c r="B49" s="174"/>
      <c r="C49" s="164" t="s">
        <v>80</v>
      </c>
      <c r="D49" s="164" t="s">
        <v>176</v>
      </c>
      <c r="E49" s="189">
        <v>10</v>
      </c>
      <c r="F49" s="190">
        <v>9</v>
      </c>
      <c r="G49" s="191">
        <v>0.9</v>
      </c>
      <c r="H49" s="192">
        <v>1.1000000000000001</v>
      </c>
    </row>
    <row r="50" spans="2:8" x14ac:dyDescent="0.15">
      <c r="B50" s="174"/>
      <c r="C50" s="164" t="s">
        <v>184</v>
      </c>
      <c r="D50" s="164" t="s">
        <v>166</v>
      </c>
      <c r="E50" s="189">
        <v>15</v>
      </c>
      <c r="F50" s="190">
        <v>18</v>
      </c>
      <c r="G50" s="191">
        <v>1.2</v>
      </c>
      <c r="H50" s="192">
        <v>2</v>
      </c>
    </row>
    <row r="51" spans="2:8" x14ac:dyDescent="0.15">
      <c r="B51" s="174"/>
      <c r="C51" s="164" t="s">
        <v>185</v>
      </c>
      <c r="D51" s="164" t="s">
        <v>176</v>
      </c>
      <c r="E51" s="189">
        <v>15</v>
      </c>
      <c r="F51" s="190">
        <v>8</v>
      </c>
      <c r="G51" s="191">
        <v>0.53</v>
      </c>
      <c r="H51" s="192">
        <v>0.6</v>
      </c>
    </row>
    <row r="52" spans="2:8" ht="21.75" customHeight="1" x14ac:dyDescent="0.15">
      <c r="B52" s="174"/>
      <c r="C52" s="199" t="s">
        <v>159</v>
      </c>
      <c r="D52" s="199"/>
      <c r="E52" s="214">
        <v>169</v>
      </c>
      <c r="F52" s="215">
        <v>193</v>
      </c>
      <c r="G52" s="216">
        <v>1.1399999999999999</v>
      </c>
      <c r="H52" s="198">
        <v>1.3</v>
      </c>
    </row>
    <row r="53" spans="2:8" ht="21.75" customHeight="1" x14ac:dyDescent="0.15">
      <c r="B53" s="174"/>
      <c r="C53" s="164" t="s">
        <v>186</v>
      </c>
      <c r="D53" s="164" t="s">
        <v>187</v>
      </c>
      <c r="E53" s="189">
        <v>6</v>
      </c>
      <c r="F53" s="190">
        <v>5</v>
      </c>
      <c r="G53" s="191">
        <v>0.83</v>
      </c>
      <c r="H53" s="192">
        <v>2</v>
      </c>
    </row>
    <row r="54" spans="2:8" ht="13.5" customHeight="1" x14ac:dyDescent="0.15">
      <c r="B54" s="174"/>
      <c r="C54" s="164" t="s">
        <v>188</v>
      </c>
      <c r="D54" s="164" t="s">
        <v>189</v>
      </c>
      <c r="E54" s="189">
        <v>4</v>
      </c>
      <c r="F54" s="190">
        <v>6</v>
      </c>
      <c r="G54" s="191">
        <v>1.5</v>
      </c>
      <c r="H54" s="192">
        <v>1.25</v>
      </c>
    </row>
    <row r="55" spans="2:8" ht="21.75" customHeight="1" x14ac:dyDescent="0.15">
      <c r="B55" s="174"/>
      <c r="C55" s="199" t="s">
        <v>190</v>
      </c>
      <c r="D55" s="199"/>
      <c r="E55" s="214">
        <v>10</v>
      </c>
      <c r="F55" s="215">
        <v>11</v>
      </c>
      <c r="G55" s="217">
        <v>1.1000000000000001</v>
      </c>
      <c r="H55" s="198">
        <v>1.7</v>
      </c>
    </row>
    <row r="56" spans="2:8" ht="7.5" customHeight="1" x14ac:dyDescent="0.15">
      <c r="B56" s="174"/>
      <c r="C56" s="200"/>
      <c r="D56" s="200"/>
      <c r="E56" s="189"/>
      <c r="F56" s="190"/>
      <c r="G56" s="167"/>
      <c r="H56" s="218"/>
    </row>
    <row r="57" spans="2:8" ht="7.5" customHeight="1" x14ac:dyDescent="0.15">
      <c r="B57" s="201"/>
      <c r="C57" s="202"/>
      <c r="D57" s="202"/>
      <c r="E57" s="203"/>
      <c r="F57" s="204"/>
      <c r="G57" s="205"/>
      <c r="H57" s="219"/>
    </row>
    <row r="58" spans="2:8" x14ac:dyDescent="0.15">
      <c r="B58" s="174"/>
      <c r="C58" s="396" t="s">
        <v>138</v>
      </c>
      <c r="D58" s="397"/>
      <c r="E58" s="220">
        <v>179</v>
      </c>
      <c r="F58" s="220">
        <v>204</v>
      </c>
      <c r="G58" s="216">
        <v>1.1399999999999999</v>
      </c>
      <c r="H58" s="198">
        <v>1.32</v>
      </c>
    </row>
    <row r="59" spans="2:8" ht="7.5" customHeight="1" x14ac:dyDescent="0.15">
      <c r="B59" s="181"/>
      <c r="C59" s="207"/>
      <c r="D59" s="207"/>
      <c r="E59" s="208"/>
      <c r="F59" s="209"/>
      <c r="G59" s="210"/>
      <c r="H59" s="211"/>
    </row>
    <row r="60" spans="2:8" x14ac:dyDescent="0.15">
      <c r="B60" s="398"/>
      <c r="C60" s="398"/>
      <c r="D60" s="398"/>
      <c r="E60" s="398"/>
      <c r="F60" s="398"/>
      <c r="G60" s="398"/>
      <c r="H60" s="398"/>
    </row>
    <row r="61" spans="2:8" x14ac:dyDescent="0.15">
      <c r="B61" s="164" t="s">
        <v>191</v>
      </c>
      <c r="C61" s="207"/>
      <c r="D61" s="207"/>
      <c r="E61" s="221"/>
      <c r="F61" s="209"/>
      <c r="G61" s="210"/>
      <c r="H61" s="221"/>
    </row>
    <row r="62" spans="2:8" ht="7.5" customHeight="1" x14ac:dyDescent="0.15">
      <c r="B62" s="169"/>
      <c r="C62" s="170"/>
      <c r="D62" s="170"/>
      <c r="E62" s="171"/>
      <c r="F62" s="172"/>
      <c r="G62" s="172"/>
      <c r="H62" s="173"/>
    </row>
    <row r="63" spans="2:8" ht="14.25" customHeight="1" x14ac:dyDescent="0.15">
      <c r="B63" s="174"/>
      <c r="E63" s="15"/>
      <c r="F63" s="175">
        <v>45687</v>
      </c>
      <c r="G63" s="175">
        <v>45687</v>
      </c>
      <c r="H63" s="371" t="s">
        <v>4</v>
      </c>
    </row>
    <row r="64" spans="2:8" ht="14.25" customHeight="1" x14ac:dyDescent="0.15">
      <c r="B64" s="174"/>
      <c r="C64" s="113" t="s">
        <v>5</v>
      </c>
      <c r="D64" s="113" t="s">
        <v>192</v>
      </c>
      <c r="E64" s="21" t="s">
        <v>132</v>
      </c>
      <c r="F64" s="176" t="s">
        <v>144</v>
      </c>
      <c r="G64" s="176" t="s">
        <v>8</v>
      </c>
      <c r="H64" s="372"/>
    </row>
    <row r="65" spans="2:8" ht="14.25" customHeight="1" x14ac:dyDescent="0.15">
      <c r="B65" s="174"/>
      <c r="C65" s="177"/>
      <c r="D65" s="178"/>
      <c r="E65" s="179" t="s">
        <v>145</v>
      </c>
      <c r="F65" s="180" t="s">
        <v>11</v>
      </c>
      <c r="G65" s="176" t="s">
        <v>12</v>
      </c>
      <c r="H65" s="372"/>
    </row>
    <row r="66" spans="2:8" ht="7.5" customHeight="1" x14ac:dyDescent="0.15">
      <c r="B66" s="181"/>
      <c r="C66" s="182"/>
      <c r="D66" s="183"/>
      <c r="E66" s="31"/>
      <c r="F66" s="184"/>
      <c r="G66" s="185"/>
      <c r="H66" s="186"/>
    </row>
    <row r="67" spans="2:8" ht="13.5" customHeight="1" x14ac:dyDescent="0.15">
      <c r="B67" s="169"/>
      <c r="C67" s="177"/>
      <c r="D67" s="177"/>
      <c r="E67" s="187"/>
      <c r="F67" s="177"/>
      <c r="G67" s="177"/>
      <c r="H67" s="188"/>
    </row>
    <row r="68" spans="2:8" x14ac:dyDescent="0.15">
      <c r="B68" s="174"/>
      <c r="C68" s="164" t="s">
        <v>193</v>
      </c>
      <c r="D68" s="164" t="s">
        <v>194</v>
      </c>
      <c r="E68" s="189">
        <v>15</v>
      </c>
      <c r="F68" s="190">
        <v>14</v>
      </c>
      <c r="G68" s="191">
        <v>0.93</v>
      </c>
      <c r="H68" s="192">
        <v>1.43</v>
      </c>
    </row>
    <row r="69" spans="2:8" x14ac:dyDescent="0.15">
      <c r="B69" s="174"/>
      <c r="C69" s="164" t="s">
        <v>171</v>
      </c>
      <c r="D69" s="164" t="s">
        <v>195</v>
      </c>
      <c r="E69" s="189">
        <v>15</v>
      </c>
      <c r="F69" s="190">
        <v>9</v>
      </c>
      <c r="G69" s="191">
        <v>0.6</v>
      </c>
      <c r="H69" s="192">
        <v>1.29</v>
      </c>
    </row>
    <row r="70" spans="2:8" x14ac:dyDescent="0.15">
      <c r="B70" s="174"/>
      <c r="D70" s="222" t="s">
        <v>152</v>
      </c>
      <c r="E70" s="195">
        <v>30</v>
      </c>
      <c r="F70" s="220">
        <v>23</v>
      </c>
      <c r="G70" s="216">
        <v>0.77</v>
      </c>
      <c r="H70" s="198">
        <v>1.36</v>
      </c>
    </row>
    <row r="71" spans="2:8" ht="22.5" customHeight="1" x14ac:dyDescent="0.15">
      <c r="B71" s="174"/>
      <c r="C71" s="164" t="s">
        <v>196</v>
      </c>
      <c r="D71" s="164" t="s">
        <v>194</v>
      </c>
      <c r="E71" s="189">
        <v>15</v>
      </c>
      <c r="F71" s="190">
        <v>14</v>
      </c>
      <c r="G71" s="191">
        <v>0.93</v>
      </c>
      <c r="H71" s="192">
        <v>2.1</v>
      </c>
    </row>
    <row r="72" spans="2:8" x14ac:dyDescent="0.15">
      <c r="B72" s="174"/>
      <c r="C72" s="164" t="s">
        <v>171</v>
      </c>
      <c r="D72" s="164" t="s">
        <v>195</v>
      </c>
      <c r="E72" s="189">
        <v>15</v>
      </c>
      <c r="F72" s="190">
        <v>2</v>
      </c>
      <c r="G72" s="191">
        <v>0.13</v>
      </c>
      <c r="H72" s="192">
        <v>0.5</v>
      </c>
    </row>
    <row r="73" spans="2:8" x14ac:dyDescent="0.15">
      <c r="B73" s="174"/>
      <c r="D73" s="222" t="s">
        <v>152</v>
      </c>
      <c r="E73" s="195">
        <v>30</v>
      </c>
      <c r="F73" s="220">
        <v>16</v>
      </c>
      <c r="G73" s="216">
        <v>0.53</v>
      </c>
      <c r="H73" s="198">
        <v>1.3</v>
      </c>
    </row>
    <row r="74" spans="2:8" ht="21" customHeight="1" x14ac:dyDescent="0.15">
      <c r="B74" s="174"/>
      <c r="C74" s="199" t="s">
        <v>159</v>
      </c>
      <c r="D74" s="222"/>
      <c r="E74" s="195">
        <v>60</v>
      </c>
      <c r="F74" s="220">
        <v>39</v>
      </c>
      <c r="G74" s="216">
        <v>0.65</v>
      </c>
      <c r="H74" s="198">
        <v>1.32</v>
      </c>
    </row>
    <row r="75" spans="2:8" ht="21" customHeight="1" x14ac:dyDescent="0.15">
      <c r="B75" s="174"/>
      <c r="C75" s="164" t="s">
        <v>197</v>
      </c>
      <c r="D75" s="113" t="s">
        <v>198</v>
      </c>
      <c r="E75" s="189">
        <v>10</v>
      </c>
      <c r="F75" s="190">
        <v>16</v>
      </c>
      <c r="G75" s="191">
        <v>1.6</v>
      </c>
      <c r="H75" s="192">
        <v>1.6</v>
      </c>
    </row>
    <row r="76" spans="2:8" x14ac:dyDescent="0.15">
      <c r="B76" s="174"/>
      <c r="C76" s="164" t="s">
        <v>199</v>
      </c>
      <c r="D76" s="113" t="s">
        <v>200</v>
      </c>
      <c r="E76" s="189">
        <v>8</v>
      </c>
      <c r="F76" s="190">
        <v>3</v>
      </c>
      <c r="G76" s="191">
        <v>0.38</v>
      </c>
      <c r="H76" s="192">
        <v>1</v>
      </c>
    </row>
    <row r="77" spans="2:8" ht="21" customHeight="1" x14ac:dyDescent="0.15">
      <c r="B77" s="174"/>
      <c r="C77" s="199" t="s">
        <v>190</v>
      </c>
      <c r="D77" s="113"/>
      <c r="E77" s="195">
        <v>18</v>
      </c>
      <c r="F77" s="220">
        <v>19</v>
      </c>
      <c r="G77" s="216">
        <v>1.06</v>
      </c>
      <c r="H77" s="198">
        <v>1.33</v>
      </c>
    </row>
    <row r="78" spans="2:8" ht="7.5" customHeight="1" x14ac:dyDescent="0.15">
      <c r="B78" s="174"/>
      <c r="C78" s="200"/>
      <c r="D78" s="200"/>
      <c r="E78" s="189"/>
      <c r="F78" s="190"/>
      <c r="G78" s="167"/>
      <c r="H78" s="218"/>
    </row>
    <row r="79" spans="2:8" ht="7.5" customHeight="1" x14ac:dyDescent="0.15">
      <c r="B79" s="201"/>
      <c r="C79" s="202"/>
      <c r="D79" s="202"/>
      <c r="E79" s="203"/>
      <c r="F79" s="204"/>
      <c r="G79" s="205"/>
      <c r="H79" s="219"/>
    </row>
    <row r="80" spans="2:8" x14ac:dyDescent="0.15">
      <c r="B80" s="174"/>
      <c r="C80" s="396" t="s">
        <v>138</v>
      </c>
      <c r="D80" s="397"/>
      <c r="E80" s="220">
        <v>78</v>
      </c>
      <c r="F80" s="220">
        <v>58</v>
      </c>
      <c r="G80" s="216">
        <v>0.74</v>
      </c>
      <c r="H80" s="198">
        <v>1.33</v>
      </c>
    </row>
    <row r="81" spans="2:8" ht="7.5" customHeight="1" x14ac:dyDescent="0.15">
      <c r="B81" s="181"/>
      <c r="C81" s="207"/>
      <c r="D81" s="207"/>
      <c r="E81" s="208"/>
      <c r="F81" s="209"/>
      <c r="G81" s="210"/>
      <c r="H81" s="211"/>
    </row>
    <row r="82" spans="2:8" x14ac:dyDescent="0.15">
      <c r="E82" s="165"/>
      <c r="F82" s="165"/>
      <c r="G82" s="167"/>
      <c r="H82" s="168"/>
    </row>
    <row r="83" spans="2:8" x14ac:dyDescent="0.15">
      <c r="B83" s="164" t="s">
        <v>201</v>
      </c>
      <c r="C83" s="207"/>
      <c r="D83" s="207"/>
      <c r="E83" s="221"/>
      <c r="F83" s="209"/>
      <c r="G83" s="210"/>
      <c r="H83" s="221"/>
    </row>
    <row r="84" spans="2:8" ht="7.5" customHeight="1" x14ac:dyDescent="0.15">
      <c r="B84" s="169"/>
      <c r="C84" s="170"/>
      <c r="D84" s="170"/>
      <c r="E84" s="171"/>
      <c r="F84" s="172"/>
      <c r="G84" s="172"/>
      <c r="H84" s="173"/>
    </row>
    <row r="85" spans="2:8" ht="14.25" customHeight="1" x14ac:dyDescent="0.15">
      <c r="B85" s="174"/>
      <c r="E85" s="15"/>
      <c r="F85" s="175">
        <v>45687</v>
      </c>
      <c r="G85" s="175">
        <v>45687</v>
      </c>
      <c r="H85" s="371" t="s">
        <v>4</v>
      </c>
    </row>
    <row r="86" spans="2:8" ht="14.25" customHeight="1" x14ac:dyDescent="0.15">
      <c r="B86" s="174"/>
      <c r="C86" s="113" t="s">
        <v>5</v>
      </c>
      <c r="D86" s="113" t="s">
        <v>164</v>
      </c>
      <c r="E86" s="21" t="s">
        <v>132</v>
      </c>
      <c r="F86" s="176" t="s">
        <v>144</v>
      </c>
      <c r="G86" s="176" t="s">
        <v>8</v>
      </c>
      <c r="H86" s="372"/>
    </row>
    <row r="87" spans="2:8" ht="14.25" customHeight="1" x14ac:dyDescent="0.15">
      <c r="B87" s="174"/>
      <c r="C87" s="177"/>
      <c r="D87" s="178"/>
      <c r="E87" s="179" t="s">
        <v>145</v>
      </c>
      <c r="F87" s="180" t="s">
        <v>11</v>
      </c>
      <c r="G87" s="176" t="s">
        <v>12</v>
      </c>
      <c r="H87" s="372"/>
    </row>
    <row r="88" spans="2:8" ht="7.5" customHeight="1" x14ac:dyDescent="0.15">
      <c r="B88" s="181"/>
      <c r="C88" s="182"/>
      <c r="D88" s="183"/>
      <c r="E88" s="31"/>
      <c r="F88" s="184"/>
      <c r="G88" s="185"/>
      <c r="H88" s="186"/>
    </row>
    <row r="89" spans="2:8" ht="7.5" customHeight="1" x14ac:dyDescent="0.15">
      <c r="B89" s="169"/>
      <c r="C89" s="177"/>
      <c r="D89" s="177"/>
      <c r="E89" s="187"/>
      <c r="F89" s="177"/>
      <c r="G89" s="177"/>
      <c r="H89" s="188"/>
    </row>
    <row r="90" spans="2:8" ht="12.95" customHeight="1" x14ac:dyDescent="0.15">
      <c r="B90" s="174"/>
      <c r="C90" s="223" t="s">
        <v>202</v>
      </c>
      <c r="D90" s="223" t="s">
        <v>153</v>
      </c>
      <c r="E90" s="189">
        <v>21</v>
      </c>
      <c r="F90" s="190">
        <v>20</v>
      </c>
      <c r="G90" s="191">
        <v>0.95</v>
      </c>
      <c r="H90" s="192">
        <v>1.05</v>
      </c>
    </row>
    <row r="91" spans="2:8" ht="12.95" customHeight="1" x14ac:dyDescent="0.15">
      <c r="B91" s="174"/>
      <c r="C91" s="223" t="s">
        <v>203</v>
      </c>
      <c r="D91" s="223" t="s">
        <v>153</v>
      </c>
      <c r="E91" s="189">
        <v>21</v>
      </c>
      <c r="F91" s="190">
        <v>20</v>
      </c>
      <c r="G91" s="191">
        <v>0.95</v>
      </c>
      <c r="H91" s="192">
        <v>0.62</v>
      </c>
    </row>
    <row r="92" spans="2:8" ht="12.95" customHeight="1" x14ac:dyDescent="0.15">
      <c r="B92" s="174"/>
      <c r="C92" s="223" t="s">
        <v>204</v>
      </c>
      <c r="D92" s="223" t="s">
        <v>153</v>
      </c>
      <c r="E92" s="189">
        <v>21</v>
      </c>
      <c r="F92" s="190">
        <v>15</v>
      </c>
      <c r="G92" s="191">
        <v>0.71</v>
      </c>
      <c r="H92" s="192">
        <v>0.38</v>
      </c>
    </row>
    <row r="93" spans="2:8" ht="12.95" customHeight="1" x14ac:dyDescent="0.15">
      <c r="B93" s="174"/>
      <c r="C93" s="223" t="s">
        <v>205</v>
      </c>
      <c r="D93" s="223" t="s">
        <v>153</v>
      </c>
      <c r="E93" s="189">
        <v>21</v>
      </c>
      <c r="F93" s="190">
        <v>13</v>
      </c>
      <c r="G93" s="191">
        <v>0.62</v>
      </c>
      <c r="H93" s="192">
        <v>0.43</v>
      </c>
    </row>
    <row r="94" spans="2:8" ht="12.95" customHeight="1" x14ac:dyDescent="0.15">
      <c r="B94" s="174"/>
      <c r="C94" s="223" t="s">
        <v>206</v>
      </c>
      <c r="D94" s="223" t="s">
        <v>153</v>
      </c>
      <c r="E94" s="189">
        <v>21</v>
      </c>
      <c r="F94" s="190">
        <v>16</v>
      </c>
      <c r="G94" s="191">
        <v>0.76</v>
      </c>
      <c r="H94" s="192">
        <v>0.43</v>
      </c>
    </row>
    <row r="95" spans="2:8" ht="12.95" customHeight="1" x14ac:dyDescent="0.15">
      <c r="B95" s="174"/>
      <c r="C95" s="223" t="s">
        <v>207</v>
      </c>
      <c r="D95" s="223" t="s">
        <v>153</v>
      </c>
      <c r="E95" s="189">
        <v>21</v>
      </c>
      <c r="F95" s="190">
        <v>19</v>
      </c>
      <c r="G95" s="191">
        <v>0.9</v>
      </c>
      <c r="H95" s="192">
        <v>0.56999999999999995</v>
      </c>
    </row>
    <row r="96" spans="2:8" ht="12.95" customHeight="1" x14ac:dyDescent="0.15">
      <c r="B96" s="174"/>
      <c r="C96" s="223" t="s">
        <v>208</v>
      </c>
      <c r="D96" s="223" t="s">
        <v>153</v>
      </c>
      <c r="E96" s="189">
        <v>21</v>
      </c>
      <c r="F96" s="190">
        <v>19</v>
      </c>
      <c r="G96" s="191">
        <v>0.9</v>
      </c>
      <c r="H96" s="192">
        <v>0.71</v>
      </c>
    </row>
    <row r="97" spans="2:8" ht="12.95" customHeight="1" x14ac:dyDescent="0.15">
      <c r="B97" s="174"/>
      <c r="C97" s="223" t="s">
        <v>209</v>
      </c>
      <c r="D97" s="223" t="s">
        <v>153</v>
      </c>
      <c r="E97" s="189">
        <v>21</v>
      </c>
      <c r="F97" s="190">
        <v>7</v>
      </c>
      <c r="G97" s="191">
        <v>0.33</v>
      </c>
      <c r="H97" s="192">
        <v>0.38</v>
      </c>
    </row>
    <row r="98" spans="2:8" ht="12.95" customHeight="1" x14ac:dyDescent="0.15">
      <c r="B98" s="174"/>
      <c r="C98" s="223" t="s">
        <v>179</v>
      </c>
      <c r="D98" s="223" t="s">
        <v>153</v>
      </c>
      <c r="E98" s="189">
        <v>21</v>
      </c>
      <c r="F98" s="190">
        <v>30</v>
      </c>
      <c r="G98" s="191">
        <v>1.43</v>
      </c>
      <c r="H98" s="192">
        <v>0.76</v>
      </c>
    </row>
    <row r="99" spans="2:8" ht="12.95" customHeight="1" x14ac:dyDescent="0.15">
      <c r="B99" s="174"/>
      <c r="C99" s="223" t="s">
        <v>210</v>
      </c>
      <c r="D99" s="223" t="s">
        <v>153</v>
      </c>
      <c r="E99" s="189">
        <v>21</v>
      </c>
      <c r="F99" s="190">
        <v>5</v>
      </c>
      <c r="G99" s="191">
        <v>0.24</v>
      </c>
      <c r="H99" s="192">
        <v>0.33</v>
      </c>
    </row>
    <row r="100" spans="2:8" ht="12.95" customHeight="1" x14ac:dyDescent="0.15">
      <c r="B100" s="174"/>
      <c r="C100" s="223" t="s">
        <v>211</v>
      </c>
      <c r="D100" s="223" t="s">
        <v>153</v>
      </c>
      <c r="E100" s="189">
        <v>21</v>
      </c>
      <c r="F100" s="190">
        <v>10</v>
      </c>
      <c r="G100" s="191">
        <v>0.48</v>
      </c>
      <c r="H100" s="192">
        <v>0.62</v>
      </c>
    </row>
    <row r="101" spans="2:8" ht="12.95" customHeight="1" x14ac:dyDescent="0.15">
      <c r="B101" s="174"/>
      <c r="C101" s="223" t="s">
        <v>212</v>
      </c>
      <c r="D101" s="223" t="s">
        <v>153</v>
      </c>
      <c r="E101" s="189">
        <v>21</v>
      </c>
      <c r="F101" s="190">
        <v>20</v>
      </c>
      <c r="G101" s="191">
        <v>0.95</v>
      </c>
      <c r="H101" s="192">
        <v>1.05</v>
      </c>
    </row>
    <row r="102" spans="2:8" ht="12.95" customHeight="1" x14ac:dyDescent="0.15">
      <c r="B102" s="174"/>
      <c r="C102" s="223" t="s">
        <v>213</v>
      </c>
      <c r="D102" s="223" t="s">
        <v>153</v>
      </c>
      <c r="E102" s="189">
        <v>21</v>
      </c>
      <c r="F102" s="190">
        <v>8</v>
      </c>
      <c r="G102" s="191">
        <v>0.38</v>
      </c>
      <c r="H102" s="192">
        <v>0.48</v>
      </c>
    </row>
    <row r="103" spans="2:8" ht="12.95" customHeight="1" x14ac:dyDescent="0.15">
      <c r="B103" s="174"/>
      <c r="C103" s="223" t="s">
        <v>214</v>
      </c>
      <c r="D103" s="223" t="s">
        <v>153</v>
      </c>
      <c r="E103" s="189">
        <v>21</v>
      </c>
      <c r="F103" s="190">
        <v>13</v>
      </c>
      <c r="G103" s="191">
        <v>0.62</v>
      </c>
      <c r="H103" s="192">
        <v>0.9</v>
      </c>
    </row>
    <row r="104" spans="2:8" ht="12.95" customHeight="1" x14ac:dyDescent="0.15">
      <c r="B104" s="174"/>
      <c r="C104" s="223" t="s">
        <v>215</v>
      </c>
      <c r="D104" s="223" t="s">
        <v>153</v>
      </c>
      <c r="E104" s="189">
        <v>21</v>
      </c>
      <c r="F104" s="190">
        <v>18</v>
      </c>
      <c r="G104" s="191">
        <v>0.86</v>
      </c>
      <c r="H104" s="192">
        <v>0.76</v>
      </c>
    </row>
    <row r="105" spans="2:8" ht="12.95" customHeight="1" x14ac:dyDescent="0.15">
      <c r="B105" s="174"/>
      <c r="C105" s="223" t="s">
        <v>216</v>
      </c>
      <c r="D105" s="223" t="s">
        <v>153</v>
      </c>
      <c r="E105" s="189">
        <v>21</v>
      </c>
      <c r="F105" s="190">
        <v>13</v>
      </c>
      <c r="G105" s="191">
        <v>0.62</v>
      </c>
      <c r="H105" s="192">
        <v>0.86</v>
      </c>
    </row>
    <row r="106" spans="2:8" ht="12.95" customHeight="1" x14ac:dyDescent="0.15">
      <c r="B106" s="174"/>
      <c r="C106" s="223" t="s">
        <v>217</v>
      </c>
      <c r="D106" s="223" t="s">
        <v>153</v>
      </c>
      <c r="E106" s="189">
        <v>21</v>
      </c>
      <c r="F106" s="190">
        <v>9</v>
      </c>
      <c r="G106" s="191">
        <v>0.43</v>
      </c>
      <c r="H106" s="192">
        <v>0.52</v>
      </c>
    </row>
    <row r="107" spans="2:8" x14ac:dyDescent="0.15">
      <c r="B107" s="174"/>
      <c r="C107" s="164" t="s">
        <v>218</v>
      </c>
      <c r="D107" s="164" t="s">
        <v>153</v>
      </c>
      <c r="E107" s="189">
        <v>21</v>
      </c>
      <c r="F107" s="190">
        <v>9</v>
      </c>
      <c r="G107" s="191">
        <v>0.43</v>
      </c>
      <c r="H107" s="192">
        <v>0.71</v>
      </c>
    </row>
    <row r="108" spans="2:8" ht="7.5" customHeight="1" x14ac:dyDescent="0.15">
      <c r="B108" s="224"/>
      <c r="C108" s="225"/>
      <c r="D108" s="225"/>
      <c r="E108" s="226"/>
      <c r="F108" s="227"/>
      <c r="G108" s="228"/>
      <c r="H108" s="229"/>
    </row>
    <row r="109" spans="2:8" ht="7.5" customHeight="1" x14ac:dyDescent="0.15">
      <c r="B109" s="174"/>
      <c r="C109" s="200"/>
      <c r="D109" s="200"/>
      <c r="E109" s="189"/>
      <c r="F109" s="190"/>
      <c r="G109" s="167"/>
      <c r="H109" s="218"/>
    </row>
    <row r="110" spans="2:8" x14ac:dyDescent="0.15">
      <c r="B110" s="174"/>
      <c r="C110" s="396" t="s">
        <v>138</v>
      </c>
      <c r="D110" s="397"/>
      <c r="E110" s="195">
        <v>378</v>
      </c>
      <c r="F110" s="220">
        <v>264</v>
      </c>
      <c r="G110" s="216">
        <v>0.7</v>
      </c>
      <c r="H110" s="198">
        <v>0.64</v>
      </c>
    </row>
    <row r="111" spans="2:8" ht="7.5" customHeight="1" x14ac:dyDescent="0.15">
      <c r="B111" s="181"/>
      <c r="C111" s="207"/>
      <c r="D111" s="207"/>
      <c r="E111" s="208"/>
      <c r="F111" s="209"/>
      <c r="G111" s="210"/>
      <c r="H111" s="211"/>
    </row>
    <row r="112" spans="2:8" ht="12.95" customHeight="1" x14ac:dyDescent="0.15">
      <c r="C112" s="200"/>
      <c r="D112" s="200"/>
      <c r="E112" s="165"/>
      <c r="F112" s="190"/>
      <c r="G112" s="167"/>
      <c r="H112" s="165"/>
    </row>
    <row r="113" spans="2:8" ht="14.25" customHeight="1" x14ac:dyDescent="0.15">
      <c r="B113" s="164" t="s">
        <v>219</v>
      </c>
      <c r="E113" s="165"/>
      <c r="G113" s="167"/>
      <c r="H113" s="168"/>
    </row>
    <row r="114" spans="2:8" ht="7.5" customHeight="1" x14ac:dyDescent="0.15">
      <c r="B114" s="169"/>
      <c r="C114" s="170"/>
      <c r="D114" s="170"/>
      <c r="E114" s="171"/>
      <c r="F114" s="172"/>
      <c r="G114" s="172"/>
      <c r="H114" s="173"/>
    </row>
    <row r="115" spans="2:8" ht="14.25" customHeight="1" x14ac:dyDescent="0.15">
      <c r="B115" s="174"/>
      <c r="E115" s="15"/>
      <c r="F115" s="175">
        <v>45687</v>
      </c>
      <c r="G115" s="175">
        <v>45687</v>
      </c>
      <c r="H115" s="371" t="s">
        <v>4</v>
      </c>
    </row>
    <row r="116" spans="2:8" ht="14.25" customHeight="1" x14ac:dyDescent="0.15">
      <c r="B116" s="174"/>
      <c r="C116" s="113" t="s">
        <v>5</v>
      </c>
      <c r="D116" s="113" t="s">
        <v>164</v>
      </c>
      <c r="E116" s="21" t="s">
        <v>132</v>
      </c>
      <c r="F116" s="176" t="s">
        <v>144</v>
      </c>
      <c r="G116" s="176" t="s">
        <v>8</v>
      </c>
      <c r="H116" s="372"/>
    </row>
    <row r="117" spans="2:8" ht="14.25" customHeight="1" x14ac:dyDescent="0.15">
      <c r="B117" s="174"/>
      <c r="C117" s="177"/>
      <c r="D117" s="178"/>
      <c r="E117" s="179" t="s">
        <v>145</v>
      </c>
      <c r="F117" s="180" t="s">
        <v>11</v>
      </c>
      <c r="G117" s="176" t="s">
        <v>12</v>
      </c>
      <c r="H117" s="372"/>
    </row>
    <row r="118" spans="2:8" ht="7.5" customHeight="1" x14ac:dyDescent="0.15">
      <c r="B118" s="181"/>
      <c r="C118" s="182"/>
      <c r="D118" s="183"/>
      <c r="E118" s="31"/>
      <c r="F118" s="184"/>
      <c r="G118" s="185"/>
      <c r="H118" s="186"/>
    </row>
    <row r="119" spans="2:8" ht="7.5" customHeight="1" x14ac:dyDescent="0.15">
      <c r="B119" s="169"/>
      <c r="C119" s="177"/>
      <c r="D119" s="177"/>
      <c r="E119" s="187"/>
      <c r="F119" s="177"/>
      <c r="G119" s="177"/>
      <c r="H119" s="188"/>
    </row>
    <row r="120" spans="2:8" x14ac:dyDescent="0.15">
      <c r="B120" s="174"/>
      <c r="C120" s="164" t="s">
        <v>220</v>
      </c>
      <c r="D120" s="164" t="s">
        <v>221</v>
      </c>
      <c r="E120" s="189">
        <v>10</v>
      </c>
      <c r="F120" s="190">
        <v>0</v>
      </c>
      <c r="G120" s="191">
        <v>0</v>
      </c>
      <c r="H120" s="192">
        <v>0</v>
      </c>
    </row>
    <row r="121" spans="2:8" x14ac:dyDescent="0.15">
      <c r="B121" s="174"/>
      <c r="C121" s="164" t="s">
        <v>177</v>
      </c>
      <c r="D121" s="164" t="s">
        <v>221</v>
      </c>
      <c r="E121" s="189">
        <v>5</v>
      </c>
      <c r="F121" s="190">
        <v>2</v>
      </c>
      <c r="G121" s="191">
        <v>0.4</v>
      </c>
      <c r="H121" s="192">
        <v>0.2</v>
      </c>
    </row>
    <row r="122" spans="2:8" x14ac:dyDescent="0.15">
      <c r="B122" s="174"/>
      <c r="C122" s="164" t="s">
        <v>222</v>
      </c>
      <c r="D122" s="164" t="s">
        <v>223</v>
      </c>
      <c r="E122" s="189">
        <v>10</v>
      </c>
      <c r="F122" s="190">
        <v>0</v>
      </c>
      <c r="G122" s="191">
        <v>0</v>
      </c>
      <c r="H122" s="192">
        <v>0</v>
      </c>
    </row>
    <row r="123" spans="2:8" ht="7.5" customHeight="1" x14ac:dyDescent="0.15">
      <c r="B123" s="174"/>
      <c r="C123" s="200"/>
      <c r="D123" s="200"/>
      <c r="E123" s="189"/>
      <c r="F123" s="190"/>
      <c r="G123" s="167"/>
      <c r="H123" s="218"/>
    </row>
    <row r="124" spans="2:8" ht="7.5" customHeight="1" x14ac:dyDescent="0.15">
      <c r="B124" s="201"/>
      <c r="C124" s="202"/>
      <c r="D124" s="202"/>
      <c r="E124" s="203"/>
      <c r="F124" s="204"/>
      <c r="G124" s="205"/>
      <c r="H124" s="219"/>
    </row>
    <row r="125" spans="2:8" x14ac:dyDescent="0.15">
      <c r="B125" s="174"/>
      <c r="C125" s="396" t="s">
        <v>138</v>
      </c>
      <c r="D125" s="397"/>
      <c r="E125" s="195">
        <v>25</v>
      </c>
      <c r="F125" s="220">
        <v>2</v>
      </c>
      <c r="G125" s="216">
        <v>0.08</v>
      </c>
      <c r="H125" s="198">
        <v>0.03</v>
      </c>
    </row>
    <row r="126" spans="2:8" ht="7.5" customHeight="1" x14ac:dyDescent="0.15">
      <c r="B126" s="181"/>
      <c r="C126" s="207"/>
      <c r="D126" s="207"/>
      <c r="E126" s="208"/>
      <c r="F126" s="209"/>
      <c r="G126" s="210"/>
      <c r="H126" s="211"/>
    </row>
    <row r="127" spans="2:8" x14ac:dyDescent="0.15">
      <c r="B127" s="230"/>
      <c r="C127" s="230"/>
      <c r="D127" s="230"/>
      <c r="E127" s="230"/>
      <c r="F127" s="230"/>
      <c r="G127" s="230"/>
      <c r="H127" s="230"/>
    </row>
  </sheetData>
  <mergeCells count="12">
    <mergeCell ref="C125:D125"/>
    <mergeCell ref="H5:H7"/>
    <mergeCell ref="C23:D23"/>
    <mergeCell ref="B25:H25"/>
    <mergeCell ref="H29:H31"/>
    <mergeCell ref="C58:D58"/>
    <mergeCell ref="B60:H60"/>
    <mergeCell ref="H63:H65"/>
    <mergeCell ref="C80:D80"/>
    <mergeCell ref="H85:H87"/>
    <mergeCell ref="C110:D110"/>
    <mergeCell ref="H115:H117"/>
  </mergeCells>
  <phoneticPr fontId="3"/>
  <pageMargins left="0.78740157480314965" right="0.78740157480314965" top="0.78740157480314965" bottom="0.59055118110236227" header="0.35433070866141736" footer="0.19685039370078741"/>
  <pageSetup paperSize="9" scale="96" firstPageNumber="13" orientation="portrait" useFirstPageNumber="1" r:id="rId1"/>
  <headerFooter alignWithMargins="0">
    <oddFooter>&amp;C&amp;"ＭＳ ゴシック,標準"&amp;P</oddFooter>
  </headerFooter>
  <rowBreaks count="2" manualBreakCount="2">
    <brk id="60" max="7" man="1"/>
    <brk id="136"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6</vt:i4>
      </vt:variant>
    </vt:vector>
  </HeadingPairs>
  <TitlesOfParts>
    <vt:vector size="11" baseType="lpstr">
      <vt:lpstr>普通科・クリエイティブ</vt:lpstr>
      <vt:lpstr>専門学科</vt:lpstr>
      <vt:lpstr>単位制</vt:lpstr>
      <vt:lpstr>定時制・通信制</vt:lpstr>
      <vt:lpstr>特別募集等</vt:lpstr>
      <vt:lpstr>専門学科!Print_Area</vt:lpstr>
      <vt:lpstr>単位制!Print_Area</vt:lpstr>
      <vt:lpstr>定時制・通信制!Print_Area</vt:lpstr>
      <vt:lpstr>特別募集等!Print_Area</vt:lpstr>
      <vt:lpstr>普通科・クリエイティブ!Print_Area</vt:lpstr>
      <vt:lpstr>普通科・クリエイティブ!Print_Titles</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dcterms:created xsi:type="dcterms:W3CDTF">2026-01-30T07:52:22Z</dcterms:created>
  <dcterms:modified xsi:type="dcterms:W3CDTF">2026-01-30T08:53:12Z</dcterms:modified>
</cp:coreProperties>
</file>